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showInkAnnotation="0" codeName="ThisWorkbook"/>
  <mc:AlternateContent xmlns:mc="http://schemas.openxmlformats.org/markup-compatibility/2006">
    <mc:Choice Requires="x15">
      <x15ac:absPath xmlns:x15ac="http://schemas.microsoft.com/office/spreadsheetml/2010/11/ac" url="\\kfs01sec\s4004\03_健康福利G\204_【共済】人間ドック\020 申込手引書・割ドック案内\01_01　Ｒ8　申込手引書\08_周知\01　起案\印刷業者から\"/>
    </mc:Choice>
  </mc:AlternateContent>
  <xr:revisionPtr revIDLastSave="0" documentId="13_ncr:1_{93442C81-2F06-4C3E-B73D-6352CE4C80C0}" xr6:coauthVersionLast="47" xr6:coauthVersionMax="47" xr10:uidLastSave="{00000000-0000-0000-0000-000000000000}"/>
  <bookViews>
    <workbookView xWindow="-108" yWindow="-108" windowWidth="23256" windowHeight="12456" tabRatio="862" xr2:uid="{00000000-000D-0000-FFFF-FFFF00000000}"/>
  </bookViews>
  <sheets>
    <sheet name="ＨＰ用一覧表 " sheetId="172" r:id="rId1"/>
  </sheets>
  <definedNames>
    <definedName name="_">#REF!</definedName>
    <definedName name="_xlnm._FilterDatabase" localSheetId="0" hidden="1">'ＨＰ用一覧表 '!$A$8:$X$68</definedName>
    <definedName name="_xlnm.Print_Area" localSheetId="0">'ＨＰ用一覧表 '!$A$1:$X$68</definedName>
    <definedName name="_xlnm.Print_Titles" localSheetId="0">'ＨＰ用一覧表 '!$A:$X,'ＨＰ用一覧表 '!$1:$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79" uniqueCount="422">
  <si>
    <t>乳房
超音波</t>
    <rPh sb="0" eb="2">
      <t>ニュウボウ</t>
    </rPh>
    <rPh sb="3" eb="6">
      <t>チョウオンパ</t>
    </rPh>
    <phoneticPr fontId="4"/>
  </si>
  <si>
    <t>－</t>
  </si>
  <si>
    <t>マンモ
グラフィ</t>
    <phoneticPr fontId="4"/>
  </si>
  <si>
    <t>最寄駅</t>
    <rPh sb="0" eb="2">
      <t>モヨ</t>
    </rPh>
    <rPh sb="2" eb="3">
      <t>エキ</t>
    </rPh>
    <phoneticPr fontId="4"/>
  </si>
  <si>
    <t/>
  </si>
  <si>
    <t>Ａ</t>
    <phoneticPr fontId="4"/>
  </si>
  <si>
    <t>Ｂ</t>
    <phoneticPr fontId="4"/>
  </si>
  <si>
    <t>Ｃ</t>
    <phoneticPr fontId="4"/>
  </si>
  <si>
    <t>京浜健診クリニック</t>
  </si>
  <si>
    <t>相模原赤十字病院</t>
  </si>
  <si>
    <t>095</t>
  </si>
  <si>
    <t>093</t>
  </si>
  <si>
    <t>092</t>
  </si>
  <si>
    <t>091</t>
  </si>
  <si>
    <t>066</t>
  </si>
  <si>
    <t>065</t>
  </si>
  <si>
    <t>064</t>
  </si>
  <si>
    <t>063</t>
  </si>
  <si>
    <t>062</t>
  </si>
  <si>
    <t>061</t>
  </si>
  <si>
    <t>059</t>
  </si>
  <si>
    <t>057</t>
  </si>
  <si>
    <t>055</t>
  </si>
  <si>
    <t>054</t>
  </si>
  <si>
    <t>052</t>
  </si>
  <si>
    <t>050</t>
  </si>
  <si>
    <t>047</t>
  </si>
  <si>
    <t>046</t>
  </si>
  <si>
    <t>045</t>
  </si>
  <si>
    <t>044</t>
  </si>
  <si>
    <t>042</t>
  </si>
  <si>
    <t>041</t>
  </si>
  <si>
    <t>040</t>
  </si>
  <si>
    <t>039</t>
  </si>
  <si>
    <t>038</t>
  </si>
  <si>
    <t>037</t>
  </si>
  <si>
    <t>036</t>
  </si>
  <si>
    <t>035</t>
  </si>
  <si>
    <t>033</t>
  </si>
  <si>
    <t>032</t>
  </si>
  <si>
    <t>031</t>
  </si>
  <si>
    <t>024</t>
  </si>
  <si>
    <t>023</t>
  </si>
  <si>
    <t>021</t>
  </si>
  <si>
    <t>横浜東口クリニック</t>
  </si>
  <si>
    <t>020</t>
  </si>
  <si>
    <t>上大岡総合健診センター</t>
  </si>
  <si>
    <t>019</t>
  </si>
  <si>
    <t>018</t>
  </si>
  <si>
    <t>017</t>
  </si>
  <si>
    <t>016</t>
  </si>
  <si>
    <t>015</t>
  </si>
  <si>
    <t>014</t>
  </si>
  <si>
    <t>013</t>
  </si>
  <si>
    <t>011</t>
  </si>
  <si>
    <t>010</t>
  </si>
  <si>
    <t>009</t>
  </si>
  <si>
    <t>008</t>
  </si>
  <si>
    <t>007</t>
  </si>
  <si>
    <t>006</t>
  </si>
  <si>
    <t>005</t>
  </si>
  <si>
    <t>004</t>
  </si>
  <si>
    <t>ふれあい横浜ホスピタル</t>
  </si>
  <si>
    <t>003</t>
  </si>
  <si>
    <t>002</t>
  </si>
  <si>
    <t>001</t>
  </si>
  <si>
    <t>神奈川県労働衛生福祉協会</t>
  </si>
  <si>
    <t>横浜総合健診センター</t>
  </si>
  <si>
    <t>総合健診センターヘルチェック</t>
  </si>
  <si>
    <t>高津中央クリニック</t>
  </si>
  <si>
    <t>ドックに含む</t>
  </si>
  <si>
    <t>関東労災病院</t>
  </si>
  <si>
    <t>聖マリアンナ医科大学病院</t>
  </si>
  <si>
    <t>アルファメディック・クリニック</t>
  </si>
  <si>
    <t>新百合健康管理センター</t>
  </si>
  <si>
    <t>コンフォート横浜健診センター</t>
  </si>
  <si>
    <t>アムスランドマーククリニック</t>
  </si>
  <si>
    <t>西横浜国際総合病院</t>
  </si>
  <si>
    <t>逗葉地域医療センター</t>
  </si>
  <si>
    <t>京浜保健衛生協会</t>
  </si>
  <si>
    <t>藤沢総合健診センター</t>
  </si>
  <si>
    <t>秦野赤十字病院</t>
  </si>
  <si>
    <t>藤沢市保健医療センター</t>
  </si>
  <si>
    <t>ヘルス・サイエンス・センター</t>
  </si>
  <si>
    <t>白鷗医院</t>
  </si>
  <si>
    <t>八木病院</t>
  </si>
  <si>
    <t>国際医療福祉大学熱海病院</t>
  </si>
  <si>
    <t>横浜市立みなと赤十字病院</t>
  </si>
  <si>
    <t>横須賀市立市民病院</t>
  </si>
  <si>
    <t>三浦市立病院</t>
  </si>
  <si>
    <t>新百合ヶ丘総合病院</t>
  </si>
  <si>
    <t>012</t>
  </si>
  <si>
    <t>022</t>
  </si>
  <si>
    <t>068</t>
  </si>
  <si>
    <t>069</t>
  </si>
  <si>
    <t>094</t>
  </si>
  <si>
    <t>単独</t>
    <rPh sb="0" eb="2">
      <t>タンドク</t>
    </rPh>
    <phoneticPr fontId="4"/>
  </si>
  <si>
    <t>併診割引</t>
    <rPh sb="0" eb="1">
      <t>ヘイ</t>
    </rPh>
    <rPh sb="1" eb="2">
      <t>シン</t>
    </rPh>
    <rPh sb="2" eb="4">
      <t>ワリビキ</t>
    </rPh>
    <phoneticPr fontId="4"/>
  </si>
  <si>
    <t>045-201-8521</t>
  </si>
  <si>
    <t>045-662-2489</t>
  </si>
  <si>
    <t>045-333-8711</t>
  </si>
  <si>
    <t>045-782-3222</t>
  </si>
  <si>
    <t>045-461-1230</t>
  </si>
  <si>
    <t>042-753-3301</t>
  </si>
  <si>
    <t>045-228-2000</t>
  </si>
  <si>
    <t>0570-012-489</t>
  </si>
  <si>
    <t>045-895-8370</t>
  </si>
  <si>
    <t>045-786-0915</t>
  </si>
  <si>
    <t>0570-099-200</t>
  </si>
  <si>
    <t>044-434-6333</t>
  </si>
  <si>
    <t>044-511-6116</t>
  </si>
  <si>
    <t>044-959-3121</t>
  </si>
  <si>
    <t>045-313-8080</t>
  </si>
  <si>
    <t>045-222-5588</t>
  </si>
  <si>
    <t>045-845-5543</t>
  </si>
  <si>
    <t>045-453-3366</t>
  </si>
  <si>
    <t>046-852-1116</t>
  </si>
  <si>
    <t>045-861-8430</t>
  </si>
  <si>
    <t>046-873-7752</t>
  </si>
  <si>
    <t>044-330-4565</t>
  </si>
  <si>
    <t>0466-23-3211</t>
  </si>
  <si>
    <t>0463-21-3811</t>
  </si>
  <si>
    <t>0467-86-6570</t>
  </si>
  <si>
    <t>0466-88-7305</t>
  </si>
  <si>
    <t>042-740-6200</t>
  </si>
  <si>
    <t>046-229-3731</t>
  </si>
  <si>
    <t>046-229-1937</t>
  </si>
  <si>
    <t>0465-82-0890</t>
  </si>
  <si>
    <t>0463-75-8222</t>
  </si>
  <si>
    <t>046-292-1311</t>
  </si>
  <si>
    <t>045-221-8291</t>
  </si>
  <si>
    <t>0557-81-9176</t>
  </si>
  <si>
    <t>045-628-6385</t>
  </si>
  <si>
    <t>0465-35-5787</t>
  </si>
  <si>
    <t>046-882-2111</t>
  </si>
  <si>
    <t>045-471-3855</t>
  </si>
  <si>
    <t>0120-733-153</t>
  </si>
  <si>
    <t>042-639-1177</t>
  </si>
  <si>
    <t>0120-700-098</t>
  </si>
  <si>
    <t>0120-954-223</t>
  </si>
  <si>
    <t>045-651-1572</t>
  </si>
  <si>
    <t>0463-81-0855</t>
  </si>
  <si>
    <t>横浜リーフみなとみらい
健診クリニック</t>
    <phoneticPr fontId="4"/>
  </si>
  <si>
    <t>いずれか１つ</t>
    <phoneticPr fontId="4"/>
  </si>
  <si>
    <t>044-822-1278
044-822-1279</t>
  </si>
  <si>
    <t>0467-52-1566</t>
  </si>
  <si>
    <t>0120-330-750</t>
  </si>
  <si>
    <t>当院のHPの仮予約フォームからお申し込みください。
個人情報登録時、ご加入の健康保険組合に必ず「公立学校共済組合」を入力してください。また、オプション検査の追加や内視鏡への変更希望がありましたら備考欄に入力してください。後日担当者より連絡し受診日を決定します。</t>
  </si>
  <si>
    <t>096</t>
  </si>
  <si>
    <t>0463-93-9600</t>
  </si>
  <si>
    <t>お電話が繋がりにくい場合は、時間をずらしておかけ下さい。</t>
  </si>
  <si>
    <t>胃カメラ・子宮がん検診は健診日と別日実施の場合あり</t>
  </si>
  <si>
    <t>24時間受付可能。新規受診の方は新規IDを発行いたします。</t>
  </si>
  <si>
    <t>湘南健康管理センター</t>
  </si>
  <si>
    <t>JA健康管理センターあつぎ</t>
  </si>
  <si>
    <t>健診ステーションさがみはら</t>
  </si>
  <si>
    <t>098</t>
  </si>
  <si>
    <t>0466-35-1360</t>
  </si>
  <si>
    <t>0463-70-6511</t>
  </si>
  <si>
    <t>042-742-3521</t>
  </si>
  <si>
    <t>平日午前中は人間ドック等の受け入れ時間帯となっているため、電話に出られない場合がございます。</t>
  </si>
  <si>
    <t>「人間ドックお申し込みフォーム」からお申込みください。
加入健康保険組合欄に「公立学校共済組合神奈川支部」とご入力をお願いします。
回答はメールではなくお電話でのご連絡になります。
また、メールよりお電話でのお申込みが優先されます。</t>
  </si>
  <si>
    <t>当院HPの(https://www.ams-dock.jp/landmark/)の
ページ右上にございます「インターネット申し込み」よりお申し込みください。
ただし予約課にて申込確認し、メールのご返信にて日程の確定となります。
所属団体に「公立学校共済」と入力してください。</t>
  </si>
  <si>
    <t>当健診センターのホームページ上部に設置していますバナーよりご予約をお願いいたします。</t>
  </si>
  <si>
    <t>保険者名称の入力欄に「公立学校共済組合」と入力してください。後日担当者よりご連絡をし、受診日を決定いたします。</t>
  </si>
  <si>
    <t>小田急線</t>
    <rPh sb="0" eb="4">
      <t>オダキュウセン</t>
    </rPh>
    <phoneticPr fontId="4"/>
  </si>
  <si>
    <t>みなとみらい線</t>
    <rPh sb="6" eb="7">
      <t>セン</t>
    </rPh>
    <phoneticPr fontId="4"/>
  </si>
  <si>
    <t>所在地</t>
    <rPh sb="0" eb="3">
      <t>ショザイチ</t>
    </rPh>
    <phoneticPr fontId="5"/>
  </si>
  <si>
    <t>伊勢原</t>
    <rPh sb="0" eb="3">
      <t>イセハラ</t>
    </rPh>
    <phoneticPr fontId="4"/>
  </si>
  <si>
    <t>開成</t>
    <rPh sb="0" eb="2">
      <t>カイセイ</t>
    </rPh>
    <phoneticPr fontId="4"/>
  </si>
  <si>
    <t>相模大野</t>
    <rPh sb="0" eb="4">
      <t>サガミオオノ</t>
    </rPh>
    <phoneticPr fontId="4"/>
  </si>
  <si>
    <t>新百合ヶ丘</t>
    <rPh sb="0" eb="5">
      <t>シンユリガオカ</t>
    </rPh>
    <phoneticPr fontId="4"/>
  </si>
  <si>
    <t>長後</t>
    <rPh sb="0" eb="2">
      <t>チョウゴ</t>
    </rPh>
    <phoneticPr fontId="4"/>
  </si>
  <si>
    <t>秦野</t>
    <rPh sb="0" eb="2">
      <t>ハタノ</t>
    </rPh>
    <phoneticPr fontId="4"/>
  </si>
  <si>
    <t>東林間</t>
    <rPh sb="0" eb="3">
      <t>ヒガシリンカン</t>
    </rPh>
    <phoneticPr fontId="4"/>
  </si>
  <si>
    <t>本厚木</t>
    <rPh sb="0" eb="3">
      <t>ホンアツギ</t>
    </rPh>
    <phoneticPr fontId="4"/>
  </si>
  <si>
    <t>向ヶ丘遊園</t>
    <rPh sb="0" eb="5">
      <t>ムコウガオカユウエン</t>
    </rPh>
    <phoneticPr fontId="4"/>
  </si>
  <si>
    <t>追浜</t>
    <rPh sb="0" eb="2">
      <t>オッパマ</t>
    </rPh>
    <phoneticPr fontId="4"/>
  </si>
  <si>
    <t>金沢八景</t>
    <rPh sb="0" eb="4">
      <t>カナザワハッケイ</t>
    </rPh>
    <phoneticPr fontId="4"/>
  </si>
  <si>
    <t>金沢文庫</t>
    <rPh sb="0" eb="4">
      <t>カナザワブンコ</t>
    </rPh>
    <phoneticPr fontId="4"/>
  </si>
  <si>
    <t>上大岡</t>
    <rPh sb="0" eb="3">
      <t>カミオオオカ</t>
    </rPh>
    <phoneticPr fontId="4"/>
  </si>
  <si>
    <t>神武寺</t>
    <rPh sb="0" eb="3">
      <t>ジンムジ</t>
    </rPh>
    <phoneticPr fontId="4"/>
  </si>
  <si>
    <t>三崎口</t>
    <rPh sb="0" eb="3">
      <t>ミサキグチ</t>
    </rPh>
    <phoneticPr fontId="4"/>
  </si>
  <si>
    <t>熱海</t>
    <rPh sb="0" eb="2">
      <t>アタミ</t>
    </rPh>
    <phoneticPr fontId="4"/>
  </si>
  <si>
    <t>海老名</t>
    <rPh sb="0" eb="3">
      <t>エビナ</t>
    </rPh>
    <phoneticPr fontId="4"/>
  </si>
  <si>
    <t>大磯</t>
    <rPh sb="0" eb="2">
      <t>オオイソ</t>
    </rPh>
    <phoneticPr fontId="4"/>
  </si>
  <si>
    <t>小田原</t>
    <rPh sb="0" eb="3">
      <t>オダワラ</t>
    </rPh>
    <phoneticPr fontId="4"/>
  </si>
  <si>
    <t>川崎</t>
    <rPh sb="0" eb="2">
      <t>カワサキ</t>
    </rPh>
    <phoneticPr fontId="4"/>
  </si>
  <si>
    <t>関内</t>
    <rPh sb="0" eb="2">
      <t>カンナイ</t>
    </rPh>
    <phoneticPr fontId="4"/>
  </si>
  <si>
    <t>衣笠</t>
    <rPh sb="0" eb="2">
      <t>キヌガサ</t>
    </rPh>
    <phoneticPr fontId="4"/>
  </si>
  <si>
    <t>古淵</t>
    <rPh sb="0" eb="2">
      <t>コブチ</t>
    </rPh>
    <phoneticPr fontId="4"/>
  </si>
  <si>
    <t>桜木町</t>
    <rPh sb="0" eb="3">
      <t>サクラギチョウ</t>
    </rPh>
    <phoneticPr fontId="4"/>
  </si>
  <si>
    <t>新横浜</t>
    <rPh sb="0" eb="3">
      <t>シンヨコハマ</t>
    </rPh>
    <phoneticPr fontId="4"/>
  </si>
  <si>
    <t>辻堂</t>
    <rPh sb="0" eb="2">
      <t>ツジドウ</t>
    </rPh>
    <phoneticPr fontId="4"/>
  </si>
  <si>
    <t>戸塚</t>
    <rPh sb="0" eb="2">
      <t>トツカ</t>
    </rPh>
    <phoneticPr fontId="4"/>
  </si>
  <si>
    <t>橋本</t>
    <rPh sb="0" eb="2">
      <t>ハシモト</t>
    </rPh>
    <phoneticPr fontId="4"/>
  </si>
  <si>
    <t>八王子</t>
    <rPh sb="0" eb="3">
      <t>ハチオウジ</t>
    </rPh>
    <phoneticPr fontId="4"/>
  </si>
  <si>
    <t>平塚</t>
    <rPh sb="0" eb="2">
      <t>ヒラツカ</t>
    </rPh>
    <phoneticPr fontId="4"/>
  </si>
  <si>
    <t>藤沢</t>
    <rPh sb="0" eb="2">
      <t>フジサワ</t>
    </rPh>
    <phoneticPr fontId="4"/>
  </si>
  <si>
    <t>本郷台</t>
    <rPh sb="0" eb="3">
      <t>ホンゴウダイ</t>
    </rPh>
    <phoneticPr fontId="4"/>
  </si>
  <si>
    <t>横浜</t>
    <rPh sb="0" eb="2">
      <t>ヨコハマ</t>
    </rPh>
    <phoneticPr fontId="4"/>
  </si>
  <si>
    <t>天王町</t>
    <rPh sb="0" eb="3">
      <t>テンノウチョウ</t>
    </rPh>
    <phoneticPr fontId="4"/>
  </si>
  <si>
    <t>平沼橋</t>
    <rPh sb="0" eb="3">
      <t>ヒラヌマバシ</t>
    </rPh>
    <phoneticPr fontId="4"/>
  </si>
  <si>
    <t>用賀</t>
    <rPh sb="0" eb="2">
      <t>ヨウガ</t>
    </rPh>
    <phoneticPr fontId="4"/>
  </si>
  <si>
    <t>元住吉</t>
    <rPh sb="0" eb="3">
      <t>モトスミヨシ</t>
    </rPh>
    <phoneticPr fontId="4"/>
  </si>
  <si>
    <t>馬車道</t>
    <rPh sb="0" eb="3">
      <t>バシャミチ</t>
    </rPh>
    <phoneticPr fontId="4"/>
  </si>
  <si>
    <t>みなとみらい</t>
    <phoneticPr fontId="4"/>
  </si>
  <si>
    <t>元町・中華街</t>
    <rPh sb="0" eb="2">
      <t>モトマチ</t>
    </rPh>
    <rPh sb="3" eb="6">
      <t>チュウカガイ</t>
    </rPh>
    <phoneticPr fontId="4"/>
  </si>
  <si>
    <t>健診機関名</t>
    <rPh sb="0" eb="1">
      <t>ケン</t>
    </rPh>
    <rPh sb="1" eb="2">
      <t>ミ</t>
    </rPh>
    <rPh sb="2" eb="3">
      <t>キ</t>
    </rPh>
    <rPh sb="3" eb="4">
      <t>セキ</t>
    </rPh>
    <rPh sb="4" eb="5">
      <t>メイ</t>
    </rPh>
    <phoneticPr fontId="4"/>
  </si>
  <si>
    <t>オプション</t>
    <phoneticPr fontId="4"/>
  </si>
  <si>
    <t>ＰＥＴ検診</t>
  </si>
  <si>
    <t>脳ドック</t>
    <phoneticPr fontId="4"/>
  </si>
  <si>
    <t>茅ケ崎</t>
    <rPh sb="0" eb="3">
      <t>チガサキ</t>
    </rPh>
    <phoneticPr fontId="4"/>
  </si>
  <si>
    <t>東横線</t>
    <rPh sb="0" eb="3">
      <t>トウヨコセン</t>
    </rPh>
    <phoneticPr fontId="4"/>
  </si>
  <si>
    <t>田園都市線</t>
    <rPh sb="0" eb="5">
      <t>デンエントシセン</t>
    </rPh>
    <phoneticPr fontId="4"/>
  </si>
  <si>
    <t>045-323-9980</t>
  </si>
  <si>
    <t xml:space="preserve">①「人間ドック予約」をクリック。
②「人間ドック予約について」をお読みいただき、同意の上、クリック。
③「人間ドック・各種健保」をクリック。
④「公立学校共済組合」をお選びください。
</t>
  </si>
  <si>
    <t>月〜金　8：30～17：00</t>
  </si>
  <si>
    <t>午前中は電話が繋がりにくい場合があります。少し時間を置いていただくか、Web予約をご利用ください。</t>
  </si>
  <si>
    <t>当院HP(https://www.keihin-kc.jp)トップページ上部にある【予約】または【健診予約申し込み】からお申し込みください。
ご予約の際には健康保険組合名に『公立学校共済組合』と明記をお願いします。
Web予約を当院担当者が確認したのち、ご本人へ連絡をして受診日を決定いたします。</t>
  </si>
  <si>
    <t>月～土　8：30～17：00</t>
  </si>
  <si>
    <t>健診ステーションさがみはらホームページの予約システムをご利用ください</t>
  </si>
  <si>
    <t>【昨年WEB予約をご利用の方】
　・会員ID（メールアドレス）とパスワードで「ログイン」してください。
【初めてWEB予約をご利用の方】
　・健康保険証情報（保険者番号・記号・番号）をご準備のうえ「健康診断予約」からお進みください。
　・確認メール送信後、ご登録のメールアドレスへＵＲＬをお送りいたします。こちらから必ず個人情報のご登録をお願いいたします。
　※個人情報のご登録がない場合は、自動的に予約がキャンセルとなりますので、ご注意ください。
◆ご受診いただくコースは、共済組合様の承認コースとなります。承認内容をご確認のうえ、コースのご選択をお願いいたします。
◆予約申込み後に『予約申込完了メール』が届きます。
メールが届かない場合は、申込みがされていない可能性がありますので、お電話でご予約の確認をお願いいたします。
◆ 脳ドック（単独）はお電話での予約のみとなります。</t>
  </si>
  <si>
    <t>月～土　8：00～16：30</t>
  </si>
  <si>
    <t>金沢さくら医院</t>
  </si>
  <si>
    <t>ご予約の際には「公立学校共済組合神奈川支部」の組合員であることを必ずお伝えいただきますようお願いします。</t>
  </si>
  <si>
    <t>当院HPトップ画面の「今すぐ予約」→「その他健康診断・健康診断お申込」をクリックし、ガイドラインに沿ってご予約（仮予約）をお願いいたします。追って、当院より最終確認のお電話を差し上げた上で、予約確定となりますので、予めご了承ください。</t>
  </si>
  <si>
    <t>ナビダイヤル導入のため、予約→ドックの順で選択していくとスムーズ。電話予約は、その場で予約が確定致します。</t>
  </si>
  <si>
    <t>ホームページから、予約。コメントに公立学校共済・承認Ａ・Ｂ・Ｃなど記載があるとスムーズに予約。何か、あれば連絡し、確定となる。</t>
  </si>
  <si>
    <t>公立共済神奈川支部組合員である旨お申し出願います。
承認者リストを確認のうえ、受診希望日等を調整します。</t>
  </si>
  <si>
    <t>2026年4月より導入予定</t>
  </si>
  <si>
    <t>当院HPの健診お申込みフォームからご予約をお願いします。ご予約希望日は2週間後以降でお申し込みください。当院から確認のご連絡を差し上げたうえでご予約確定となります。</t>
  </si>
  <si>
    <t>月～土　8：30～16：00</t>
  </si>
  <si>
    <t>当院ホームページよりWEB予約ページを選択
ページの案内に沿って性別、生年月日、保険情報等を入力
希望のコース、オプション、日時を選択
日時確定後当院より予約確定連絡がメールにて届きます</t>
  </si>
  <si>
    <t>当院ホームページより「健康診断・人間ドック・大腸ドック　インターネット予約」⇒「公立学校共済組合神奈川支部の方」専用サイトあり。</t>
  </si>
  <si>
    <t>月〜金　9：00～17：00</t>
  </si>
  <si>
    <t>当院ホームページ(https://www.fujisawa-junten.or.jp)
の予約バナーよりご予約をお願いします。
ご希望受診日のWEB予約枠が全て埋まってしまっている場合は、お手数をおかけいたしますがお電話にてお申込みをお願い致します。</t>
  </si>
  <si>
    <t>マーソ株式会社の予約サイトより、画面の案内に従って必要事項の入力をしていただきます。</t>
  </si>
  <si>
    <t>月～土　9：00～16：45</t>
  </si>
  <si>
    <t>・午前中等混雑時には繋がりにくくなりますので、時間をおいてお掛け直しください。
・電話が集中している場合は、一度ご連絡先を伺った後、折り返し対応となる場合があります。</t>
  </si>
  <si>
    <t>・胃部内視鏡検査（経口・経鼻）をご希望の方は、予約枠運用のためWebでのご予約は取り扱いません。
・必要事項をご入力いただき「仮予約」を行なっていただきます。予約担当者が確認した後、こちらより電話連絡をし、受診日を決定いたします。
・ホームページ上の予約状況カレンダーの空き状況はリアルタイムで同期されませんので、お急ぎの方はお電話にてお申込みをお願いいたします。</t>
  </si>
  <si>
    <t xml:space="preserve">Webサイト内の予約フォームにて申込み後、当センターより追って折返し連絡させていただき、予約内容を確認の上で、予約確定となります。
</t>
  </si>
  <si>
    <t>湘南大磯病院</t>
  </si>
  <si>
    <t>月～土　11：00～16：00</t>
  </si>
  <si>
    <t>小林病院</t>
  </si>
  <si>
    <t>月～土　9：00～17：00</t>
  </si>
  <si>
    <t>月〜金　9：30～16：00</t>
  </si>
  <si>
    <t>046-858-1851</t>
  </si>
  <si>
    <t>ガイダンス①</t>
  </si>
  <si>
    <t>R8年度WEB予約実施予定</t>
  </si>
  <si>
    <t>関東中央病院</t>
  </si>
  <si>
    <t>03-3429-1171
（内線2123）</t>
  </si>
  <si>
    <t>小田原箱根健診クリニック</t>
  </si>
  <si>
    <t>経口</t>
    <rPh sb="0" eb="2">
      <t>ケイコウ</t>
    </rPh>
    <phoneticPr fontId="4"/>
  </si>
  <si>
    <t>経鼻</t>
    <rPh sb="0" eb="2">
      <t>ケイビ</t>
    </rPh>
    <phoneticPr fontId="4"/>
  </si>
  <si>
    <t>予　約　方　法</t>
    <rPh sb="0" eb="1">
      <t>ヨ</t>
    </rPh>
    <rPh sb="2" eb="3">
      <t>ヤク</t>
    </rPh>
    <rPh sb="4" eb="5">
      <t>カタ</t>
    </rPh>
    <rPh sb="6" eb="7">
      <t>ホウ</t>
    </rPh>
    <phoneticPr fontId="5"/>
  </si>
  <si>
    <t>教職員人間ドック</t>
    <rPh sb="0" eb="2">
      <t>キョウショク</t>
    </rPh>
    <rPh sb="2" eb="3">
      <t>イン</t>
    </rPh>
    <rPh sb="3" eb="5">
      <t>ニンゲン</t>
    </rPh>
    <phoneticPr fontId="4"/>
  </si>
  <si>
    <t>胃部内視鏡
変更</t>
    <rPh sb="0" eb="2">
      <t>イブ</t>
    </rPh>
    <rPh sb="2" eb="5">
      <t>ナイシキョウ</t>
    </rPh>
    <rPh sb="6" eb="8">
      <t>ヘンコウ</t>
    </rPh>
    <phoneticPr fontId="4"/>
  </si>
  <si>
    <t>電話番号</t>
    <rPh sb="0" eb="2">
      <t>デンワ</t>
    </rPh>
    <rPh sb="2" eb="4">
      <t>バンゴウ</t>
    </rPh>
    <phoneticPr fontId="4"/>
  </si>
  <si>
    <t>子宮
頸がん</t>
    <rPh sb="0" eb="2">
      <t>シキュウ</t>
    </rPh>
    <rPh sb="3" eb="4">
      <t>ケイ</t>
    </rPh>
    <phoneticPr fontId="4"/>
  </si>
  <si>
    <t>JR
東海道線</t>
    <rPh sb="3" eb="6">
      <t>トウカイドウ</t>
    </rPh>
    <rPh sb="6" eb="7">
      <t>セン</t>
    </rPh>
    <phoneticPr fontId="4"/>
  </si>
  <si>
    <t>JR
横浜線</t>
    <rPh sb="3" eb="6">
      <t>ヨコハマセン</t>
    </rPh>
    <phoneticPr fontId="4"/>
  </si>
  <si>
    <t>JR
根岸線</t>
    <rPh sb="3" eb="6">
      <t>ネギシセン</t>
    </rPh>
    <phoneticPr fontId="4"/>
  </si>
  <si>
    <t>JR横須賀線</t>
    <rPh sb="2" eb="5">
      <t>ヨコスカ</t>
    </rPh>
    <rPh sb="5" eb="6">
      <t>セン</t>
    </rPh>
    <phoneticPr fontId="4"/>
  </si>
  <si>
    <t>みなとみらい</t>
  </si>
  <si>
    <t>小田急江ノ島線</t>
    <rPh sb="0" eb="3">
      <t>オダキュウ</t>
    </rPh>
    <rPh sb="3" eb="4">
      <t>エ</t>
    </rPh>
    <rPh sb="5" eb="6">
      <t>シマ</t>
    </rPh>
    <rPh sb="6" eb="7">
      <t>セン</t>
    </rPh>
    <phoneticPr fontId="4"/>
  </si>
  <si>
    <t>相鉄線</t>
    <rPh sb="0" eb="2">
      <t>ソウテツ</t>
    </rPh>
    <rPh sb="2" eb="3">
      <t>セン</t>
    </rPh>
    <phoneticPr fontId="4"/>
  </si>
  <si>
    <t>京急線</t>
    <rPh sb="0" eb="2">
      <t>ケイキュウ</t>
    </rPh>
    <rPh sb="2" eb="3">
      <t>セン</t>
    </rPh>
    <phoneticPr fontId="4"/>
  </si>
  <si>
    <t>二次元コード</t>
    <rPh sb="0" eb="3">
      <t>ニジゲン</t>
    </rPh>
    <phoneticPr fontId="4"/>
  </si>
  <si>
    <t>戸塚共立メディカルサテライト
健診センター</t>
    <phoneticPr fontId="4"/>
  </si>
  <si>
    <t>湘南藤沢徳洲会病院　
人間ドック健診センター</t>
    <phoneticPr fontId="4"/>
  </si>
  <si>
    <t>茅ヶ崎市立病院 
健康管理センター</t>
    <phoneticPr fontId="4"/>
  </si>
  <si>
    <t>湘南健診センター
（佐々木研究所）</t>
    <rPh sb="10" eb="16">
      <t>ササキケンキュウジョ</t>
    </rPh>
    <phoneticPr fontId="4"/>
  </si>
  <si>
    <t>新横浜メディカルサテライト
健診センター</t>
    <phoneticPr fontId="4"/>
  </si>
  <si>
    <t>ＪＡ健康管理センター
さがみはら</t>
    <phoneticPr fontId="4"/>
  </si>
  <si>
    <t>東海大学医学部付属
八王子病院</t>
    <phoneticPr fontId="4"/>
  </si>
  <si>
    <t>湘南健診クリニック　
ココットさくら館</t>
    <phoneticPr fontId="4"/>
  </si>
  <si>
    <t>横浜栄共済病院　
健康医学センター</t>
    <phoneticPr fontId="4"/>
  </si>
  <si>
    <t>ウェルポートみらい
（予防医学協会）</t>
    <rPh sb="11" eb="13">
      <t>ヨボウ</t>
    </rPh>
    <rPh sb="13" eb="15">
      <t>イガク</t>
    </rPh>
    <rPh sb="15" eb="17">
      <t>キョウカイ</t>
    </rPh>
    <phoneticPr fontId="4"/>
  </si>
  <si>
    <t>かながわクリニック
（結核予防会）</t>
    <rPh sb="11" eb="13">
      <t>ケッカク</t>
    </rPh>
    <rPh sb="13" eb="15">
      <t>ヨボウ</t>
    </rPh>
    <rPh sb="15" eb="16">
      <t>カイ</t>
    </rPh>
    <phoneticPr fontId="4"/>
  </si>
  <si>
    <t>東名厚木メディカルサテライト
クリニック</t>
    <phoneticPr fontId="4"/>
  </si>
  <si>
    <t>東海大学医学部付属病院　
健診センター</t>
    <phoneticPr fontId="4"/>
  </si>
  <si>
    <t>ライフメディカル健診プラザ</t>
    <phoneticPr fontId="4"/>
  </si>
  <si>
    <t>湘南健診クリニック
湘南健康管理センター</t>
    <phoneticPr fontId="4"/>
  </si>
  <si>
    <t>川崎市幸区</t>
  </si>
  <si>
    <t>横浜市西区</t>
  </si>
  <si>
    <t>藤沢市</t>
  </si>
  <si>
    <t>茅ヶ崎市</t>
  </si>
  <si>
    <t>平塚市</t>
  </si>
  <si>
    <t>大磯町</t>
  </si>
  <si>
    <t>小田原市</t>
  </si>
  <si>
    <t>横浜市中区</t>
  </si>
  <si>
    <t>横浜市栄区</t>
  </si>
  <si>
    <t>横須賀市</t>
  </si>
  <si>
    <t>海老名市</t>
  </si>
  <si>
    <t>厚木市</t>
  </si>
  <si>
    <t>伊勢原市</t>
  </si>
  <si>
    <t>秦野市</t>
  </si>
  <si>
    <t>開成町</t>
  </si>
  <si>
    <t>逗子市</t>
  </si>
  <si>
    <t>三浦市</t>
  </si>
  <si>
    <t>横浜市
神奈川区</t>
    <phoneticPr fontId="4"/>
  </si>
  <si>
    <t>横浜市
戸塚区</t>
    <phoneticPr fontId="4"/>
  </si>
  <si>
    <t>横浜市
港北区</t>
    <phoneticPr fontId="4"/>
  </si>
  <si>
    <t>相模原市
南区</t>
    <phoneticPr fontId="4"/>
  </si>
  <si>
    <t>相模原市
緑区</t>
    <phoneticPr fontId="4"/>
  </si>
  <si>
    <t>東京都
八王子市</t>
    <phoneticPr fontId="4"/>
  </si>
  <si>
    <t>川崎市
宮前区</t>
    <phoneticPr fontId="4"/>
  </si>
  <si>
    <t>川崎市
麻生区</t>
    <phoneticPr fontId="4"/>
  </si>
  <si>
    <t>東京都
世田谷区</t>
    <phoneticPr fontId="4"/>
  </si>
  <si>
    <t>川崎市
高津区</t>
    <phoneticPr fontId="4"/>
  </si>
  <si>
    <t>川崎市
中原区</t>
    <phoneticPr fontId="4"/>
  </si>
  <si>
    <t>横浜市
保土ケ谷区</t>
    <phoneticPr fontId="4"/>
  </si>
  <si>
    <t>横浜市
港南区</t>
    <phoneticPr fontId="4"/>
  </si>
  <si>
    <t>横浜市
金沢区</t>
    <phoneticPr fontId="4"/>
  </si>
  <si>
    <t>戸塚</t>
    <phoneticPr fontId="4"/>
  </si>
  <si>
    <t>茅ケ崎</t>
    <phoneticPr fontId="4"/>
  </si>
  <si>
    <t>　健診機関別自己負担額・連絡先一覧表（補助額引き去り後の額です）</t>
    <rPh sb="1" eb="3">
      <t>ケンシン</t>
    </rPh>
    <rPh sb="3" eb="5">
      <t>キカン</t>
    </rPh>
    <rPh sb="5" eb="6">
      <t>ベツ</t>
    </rPh>
    <rPh sb="6" eb="8">
      <t>ジコ</t>
    </rPh>
    <rPh sb="8" eb="10">
      <t>フタン</t>
    </rPh>
    <rPh sb="10" eb="11">
      <t>ガク</t>
    </rPh>
    <rPh sb="12" eb="15">
      <t>レンラクサキ</t>
    </rPh>
    <rPh sb="15" eb="17">
      <t>イチラン</t>
    </rPh>
    <rPh sb="17" eb="18">
      <t>ヒョウ</t>
    </rPh>
    <rPh sb="19" eb="21">
      <t>ホジョ</t>
    </rPh>
    <rPh sb="21" eb="22">
      <t>ガク</t>
    </rPh>
    <rPh sb="22" eb="23">
      <t>ヒ</t>
    </rPh>
    <rPh sb="24" eb="25">
      <t>サ</t>
    </rPh>
    <rPh sb="26" eb="27">
      <t>ゴ</t>
    </rPh>
    <rPh sb="28" eb="29">
      <t>ガク</t>
    </rPh>
    <phoneticPr fontId="4"/>
  </si>
  <si>
    <t>未実施検査項目</t>
    <rPh sb="0" eb="3">
      <t>ミジッシ</t>
    </rPh>
    <rPh sb="3" eb="5">
      <t>ケンサ</t>
    </rPh>
    <rPh sb="5" eb="7">
      <t>コウモク</t>
    </rPh>
    <phoneticPr fontId="4"/>
  </si>
  <si>
    <t>健診機関コード</t>
    <rPh sb="0" eb="2">
      <t>ケンシン</t>
    </rPh>
    <rPh sb="2" eb="4">
      <t>キカン</t>
    </rPh>
    <phoneticPr fontId="4"/>
  </si>
  <si>
    <t>一泊
追加
料金</t>
    <rPh sb="0" eb="2">
      <t>イッパク</t>
    </rPh>
    <rPh sb="3" eb="5">
      <t>ツイカ</t>
    </rPh>
    <rPh sb="6" eb="8">
      <t>リョウキン</t>
    </rPh>
    <phoneticPr fontId="4"/>
  </si>
  <si>
    <t>15</t>
  </si>
  <si>
    <t>3,300〜8,800</t>
  </si>
  <si>
    <t>15，24</t>
  </si>
  <si>
    <t>1，12，15，31</t>
  </si>
  <si>
    <t>28</t>
  </si>
  <si>
    <t>1，4，12，24</t>
  </si>
  <si>
    <t>1</t>
  </si>
  <si>
    <t>12，24，25，26</t>
  </si>
  <si>
    <t>31</t>
  </si>
  <si>
    <t>1，4，12，15，24</t>
  </si>
  <si>
    <t>4，15</t>
  </si>
  <si>
    <t>15，31</t>
  </si>
  <si>
    <t>26</t>
  </si>
  <si>
    <t>1，8，15，22，26，30</t>
  </si>
  <si>
    <t>24，31</t>
  </si>
  <si>
    <t>1，8，12，20，21，31</t>
  </si>
  <si>
    <t>月～土　8：15～16：45</t>
  </si>
  <si>
    <t>・胃カメラのオプション希望の方は、なるべくお電話にてお申込みください。
・脳ドック希望の方は電話予約のみの受付です。
・日中ご連絡の取れるお電話番号をお知らせください。</t>
  </si>
  <si>
    <t>祝日は予約可</t>
  </si>
  <si>
    <t>土曜日は不定期営業
祝日休診</t>
  </si>
  <si>
    <t>電話回線：２回線　祝日は不可</t>
  </si>
  <si>
    <t>回線数：３回線</t>
  </si>
  <si>
    <t>月〜金　9：00～16：30</t>
  </si>
  <si>
    <t>①希望する健康診断名
②氏名（フリガナ）
③連絡先番号（自宅・携帯）
④メールアドレス
⑥組合員等番号
⑦承認種別
⑧受診希望日第1～第3
⑨希望するオプション検査</t>
  </si>
  <si>
    <t>祝日、年末年始（12/31～翌1/3）は不可</t>
  </si>
  <si>
    <t>月～土　9：00～16：30</t>
  </si>
  <si>
    <t>公立学校共済組合神奈川支部の教職員人間ドック等の予約である旨をお申し出ください。</t>
  </si>
  <si>
    <t>ホームページからの予約は仮予約です。登録しただけでは予約は確定しませんのでご注意ください。
お急ぎの場合は お電話でのご予約をお願いいたします
　●仮予約の手順
1. ホームページの予約カレンダーから希望日を選択
2. 予約フォームに必要情報を入力し、登録
3. 登録後、ご指定のメールアドレスに自動返信メールが届きますのでご確認ください
4. 翌営業日中に当センターから登録電話番号へご連絡し、受診詳細を確認
5. この確認が完了した段階で予約確定となります</t>
  </si>
  <si>
    <t>GW及び年末年始を除き祝日も含まれます。
ガイダンス[１]が予約ダイヤルです。</t>
  </si>
  <si>
    <t>月〜土　8：30～17：00</t>
  </si>
  <si>
    <t>祝日は対応なし。</t>
  </si>
  <si>
    <t>2026年6月よりWEB予約開始予定で、現在準備中。</t>
  </si>
  <si>
    <t>土曜日は原則第１･３･５のみ可
公立学校共済組合神奈川支部組合員である旨お申し出願います。</t>
  </si>
  <si>
    <t>電話回線：３回線
土曜日は第２・４のみ可</t>
  </si>
  <si>
    <t>・二次元コードは「公立学校共済組合神奈川支部専用ページ」です。
・二次元コードから「初めての方はコチラ」ボタンからログインをお願い致します。
・ご自身の補助区分に応じたコースを選択頂き、ご予約をお願い致します。※内視鏡経鼻への変更、経口時鎮静剤追加(有料）は必ず予約時にお申込みください。
・個人情報はデータ突合の為、共済組合へお届けになられた内容にてご記入をお願い致します。
・複数人数（ご夫妻等）ご予約される際は、お電話にて予約ください。</t>
  </si>
  <si>
    <t>月～土　8：30〜17：30</t>
  </si>
  <si>
    <t>月〜金　13：30～16：30</t>
  </si>
  <si>
    <t>・予約は受診月の２ケ月前より受付開始します
・健診日の２週間以内に新型コロナウイルスに感染した方、または発熱・風邪症状・体調不良・海外滞在歴などがあった方は受診できません
・当日の体調次第で健診が受けられない場合がございます
・院内では必ずマスク着用のためマスクをご持参ください</t>
  </si>
  <si>
    <t>土曜日は第１・３のみ可</t>
  </si>
  <si>
    <t>さがみ林間病院　ホームページ　＞　人間ドック・検診　＞　人間ドックのご案内　＞　お申し込み</t>
  </si>
  <si>
    <t>６月から７月17日までの受診申込みは電話で受付します。
７月21日以降の受診に係る電話受付は、WEB予約期間終了後の７月から開始します。</t>
  </si>
  <si>
    <t>６月３日（水）10時から、７月21日以降の受診申込みを受け付けます（６月25日まで）。
予約の詳細や組合員が当院を利用する場合の優遇制度は、当院ホームページをご確認ください。
WEB予約申込み期間終了後は、電話にて受付します。</t>
  </si>
  <si>
    <t>土曜日は第２・４のみ可</t>
  </si>
  <si>
    <t>電話回線：３回線
祝日は定休日</t>
  </si>
  <si>
    <t>月〜金　8：00〜16：00</t>
  </si>
  <si>
    <t>月〜金　8：30～16：30</t>
  </si>
  <si>
    <t>月～土
　14：00～17：00</t>
    <phoneticPr fontId="4"/>
  </si>
  <si>
    <t>月〜金
　13：30～16：15</t>
    <phoneticPr fontId="4"/>
  </si>
  <si>
    <t>月〜金　9：00～12：00
     　13：30～17：00
  　土　9：00～12：00</t>
    <phoneticPr fontId="4"/>
  </si>
  <si>
    <t>月～土　9：00～12：00
        　13：30～17：00</t>
    <phoneticPr fontId="4"/>
  </si>
  <si>
    <t>月〜金　8：30～16：00
　　　土　8：30～12：00</t>
    <phoneticPr fontId="4"/>
  </si>
  <si>
    <t>月〜金　8：00～16：15
　　土　8：00～11：00</t>
    <phoneticPr fontId="4"/>
  </si>
  <si>
    <t>月〜金　8：30～16：00
　　土　8：30～12：30</t>
    <phoneticPr fontId="4"/>
  </si>
  <si>
    <t>月〜金
　11：00〜16：00</t>
    <phoneticPr fontId="4"/>
  </si>
  <si>
    <t>月〜金
　13：00～17：00</t>
    <phoneticPr fontId="4"/>
  </si>
  <si>
    <t>月〜金　8：30〜16：00
　　土　8：30〜12：00</t>
    <phoneticPr fontId="4"/>
  </si>
  <si>
    <t>月〜金　9：00～17：00
　　土　9：00～12：00</t>
    <phoneticPr fontId="4"/>
  </si>
  <si>
    <t>月〜金　9：00～16：00
　　土　9：00～12：00</t>
    <phoneticPr fontId="4"/>
  </si>
  <si>
    <t>月〜金　8：30～12：00
       13：30～16：00
　　土　8：30～12：30</t>
    <phoneticPr fontId="4"/>
  </si>
  <si>
    <t>月〜金　8：45～17：00
　　土　8：45～12：00</t>
    <phoneticPr fontId="4"/>
  </si>
  <si>
    <t>月〜金　9：00～17：00
　　土　9：00～12：00　</t>
    <phoneticPr fontId="4"/>
  </si>
  <si>
    <t>月～土　8：30〜12：00
     　   13：00〜17：00</t>
    <phoneticPr fontId="4"/>
  </si>
  <si>
    <t>月〜金　9：00〜16：00
　　土　9：00〜12：00</t>
    <phoneticPr fontId="4"/>
  </si>
  <si>
    <t>月〜金　9：00～17：00
　　  土　9：00～11：00</t>
    <phoneticPr fontId="4"/>
  </si>
  <si>
    <t>月〜金　8：30～17：00
　　  土　8：30～12：00</t>
    <phoneticPr fontId="4"/>
  </si>
  <si>
    <t>月〜金　10：00〜16：00
　　  土　10：00〜12：00</t>
    <phoneticPr fontId="4"/>
  </si>
  <si>
    <t>月〜金　9：00～16：00
　　  土　9：00～12：00</t>
    <phoneticPr fontId="4"/>
  </si>
  <si>
    <t>月〜金　8：30～16：00
　　  土　8：30～12：30</t>
    <phoneticPr fontId="4"/>
  </si>
  <si>
    <t>月〜金　7：30～16：00
　    土　7：30～11：30</t>
    <phoneticPr fontId="4"/>
  </si>
  <si>
    <t>月〜金　9：00～17：00
　　  土　9：00～13：00</t>
    <phoneticPr fontId="4"/>
  </si>
  <si>
    <t>月〜金　9：00～16：00
　　  土　9：00～11：00</t>
    <phoneticPr fontId="4"/>
  </si>
  <si>
    <t>月〜金　10：00～16：00
　　  土　10：00～12：00</t>
    <phoneticPr fontId="4"/>
  </si>
  <si>
    <t>月〜金　9：00～15：30
　　  土　9：00～13：00</t>
    <phoneticPr fontId="4"/>
  </si>
  <si>
    <t>月〜金　8：00～17：00
　　土　8：00～12：00</t>
    <phoneticPr fontId="4"/>
  </si>
  <si>
    <t>月〜金　9：00～16：00
　　土　9：00～11：30</t>
    <phoneticPr fontId="4"/>
  </si>
  <si>
    <t>0465-24-0077</t>
    <phoneticPr fontId="4"/>
  </si>
  <si>
    <t>（代表）
　0465-22-3161</t>
    <rPh sb="1" eb="3">
      <t>ダイヒョウ</t>
    </rPh>
    <phoneticPr fontId="4"/>
  </si>
  <si>
    <t>（代表）
　044-977-8111</t>
    <rPh sb="1" eb="3">
      <t>ダイヒョウ</t>
    </rPh>
    <phoneticPr fontId="4"/>
  </si>
  <si>
    <t>さがみ林間病院
総合健診センター</t>
    <phoneticPr fontId="4"/>
  </si>
  <si>
    <t>みなとみらい
メディカルスクエア</t>
    <phoneticPr fontId="4"/>
  </si>
  <si>
    <t>けいゆう病院
健診センター</t>
    <phoneticPr fontId="4"/>
  </si>
  <si>
    <t>衣笠病院
健康管理センター</t>
    <phoneticPr fontId="4"/>
  </si>
  <si>
    <t>西湘病院
健康管理センター</t>
    <phoneticPr fontId="4"/>
  </si>
  <si>
    <t>平塚共済病院
健診センター</t>
    <phoneticPr fontId="4"/>
  </si>
  <si>
    <t xml:space="preserve">公立学校共済組合神奈川支部の教職員人間ドック予約である旨をお申し出ください。
</t>
    <phoneticPr fontId="4"/>
  </si>
  <si>
    <t>逗子・葉山</t>
    <rPh sb="0" eb="2">
      <t>ズシ</t>
    </rPh>
    <rPh sb="3" eb="5">
      <t>ハヤマ</t>
    </rPh>
    <phoneticPr fontId="4"/>
  </si>
  <si>
    <t>カラダテラス海老名</t>
    <phoneticPr fontId="4"/>
  </si>
  <si>
    <t>静岡県
熱海市</t>
    <rPh sb="0" eb="3">
      <t>シズオカケン</t>
    </rPh>
    <phoneticPr fontId="4"/>
  </si>
  <si>
    <t>1，15，24</t>
    <phoneticPr fontId="4"/>
  </si>
  <si>
    <t>溝の口</t>
    <rPh sb="0" eb="1">
      <t>ミゾ</t>
    </rPh>
    <phoneticPr fontId="4"/>
  </si>
  <si>
    <t>溝の口</t>
    <rPh sb="0" eb="1">
      <t>ミゾ</t>
    </rPh>
    <rPh sb="2" eb="3">
      <t>クチ</t>
    </rPh>
    <phoneticPr fontId="4"/>
  </si>
  <si>
    <t>健康保険組合向け人間ドックからお申込みをお願いします。</t>
    <phoneticPr fontId="4"/>
  </si>
  <si>
    <r>
      <rPr>
        <sz val="10"/>
        <rFont val="ＭＳ Ｐゴシック"/>
        <family val="3"/>
        <charset val="128"/>
        <scheme val="minor"/>
      </rPr>
      <t>※</t>
    </r>
    <r>
      <rPr>
        <sz val="16"/>
        <rFont val="ＭＳ Ｐゴシック"/>
        <family val="3"/>
        <charset val="128"/>
        <scheme val="minor"/>
      </rPr>
      <t>300</t>
    </r>
    <phoneticPr fontId="4"/>
  </si>
  <si>
    <t>前立腺
がん
補助なし</t>
    <rPh sb="0" eb="3">
      <t>ゼンリツセン</t>
    </rPh>
    <rPh sb="7" eb="9">
      <t>ホジョ</t>
    </rPh>
    <phoneticPr fontId="4"/>
  </si>
  <si>
    <t>土曜日は第２、４のみ可</t>
    <rPh sb="0" eb="3">
      <t>ドヨウビ</t>
    </rPh>
    <rPh sb="4" eb="5">
      <t>ダイ</t>
    </rPh>
    <rPh sb="10" eb="11">
      <t>カ</t>
    </rPh>
    <phoneticPr fontId="4"/>
  </si>
  <si>
    <t>土曜日は第１，２，４，５のみ可</t>
    <rPh sb="0" eb="3">
      <t>ドヨウビ</t>
    </rPh>
    <rPh sb="4" eb="5">
      <t>ダイ</t>
    </rPh>
    <rPh sb="14" eb="15">
      <t>カ</t>
    </rPh>
    <phoneticPr fontId="4"/>
  </si>
  <si>
    <t>042-784-2429</t>
    <phoneticPr fontId="4"/>
  </si>
  <si>
    <t>・ご予約の際には、公立学校共済組合員とお申し出ください。
・電話が繋がりにくい場合、時間をずらしてお掛け直しください。
・脳ドック予約不可期間（令和８年12月18日〜令和９年１月24日）がありますので、ご希望の方は同期間を避けてご予約ください。</t>
    <rPh sb="52" eb="53">
      <t>ナオ</t>
    </rPh>
    <rPh sb="61" eb="62">
      <t>ノウ</t>
    </rPh>
    <rPh sb="65" eb="67">
      <t>ヨヤク</t>
    </rPh>
    <rPh sb="67" eb="69">
      <t>フカ</t>
    </rPh>
    <rPh sb="69" eb="71">
      <t>キカン</t>
    </rPh>
    <rPh sb="72" eb="74">
      <t>レイワ</t>
    </rPh>
    <rPh sb="75" eb="76">
      <t>ネン</t>
    </rPh>
    <rPh sb="78" eb="79">
      <t>ガツ</t>
    </rPh>
    <rPh sb="81" eb="82">
      <t>ニチ</t>
    </rPh>
    <rPh sb="83" eb="85">
      <t>レイワ</t>
    </rPh>
    <rPh sb="86" eb="87">
      <t>ネン</t>
    </rPh>
    <rPh sb="88" eb="89">
      <t>ガツ</t>
    </rPh>
    <rPh sb="91" eb="92">
      <t>ニチ</t>
    </rPh>
    <rPh sb="102" eb="104">
      <t>キボウ</t>
    </rPh>
    <rPh sb="105" eb="106">
      <t>カタ</t>
    </rPh>
    <rPh sb="107" eb="110">
      <t>ドウキカン</t>
    </rPh>
    <rPh sb="111" eb="112">
      <t>サ</t>
    </rPh>
    <rPh sb="115" eb="117">
      <t>ヨヤク</t>
    </rPh>
    <phoneticPr fontId="4"/>
  </si>
  <si>
    <t>046-867-2877</t>
    <phoneticPr fontId="4"/>
  </si>
  <si>
    <t>その他欄に「公立学校共済組合神奈川支部の教職員人間ドック等」を利用する旨を記載してください。</t>
    <rPh sb="20" eb="23">
      <t>キョウショクイン</t>
    </rPh>
    <phoneticPr fontId="4"/>
  </si>
  <si>
    <t>土曜日は第１､３，５のみ可
祝日は休業日</t>
    <rPh sb="0" eb="3">
      <t>ドヨウビ</t>
    </rPh>
    <rPh sb="4" eb="5">
      <t>ダイ</t>
    </rPh>
    <rPh sb="12" eb="13">
      <t>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16" x14ac:knownFonts="1">
    <font>
      <sz val="12"/>
      <name val="ＭＳ 明朝"/>
      <family val="1"/>
      <charset val="128"/>
    </font>
    <font>
      <sz val="12"/>
      <color theme="1"/>
      <name val="ＭＳ 明朝"/>
      <family val="2"/>
      <charset val="128"/>
    </font>
    <font>
      <sz val="12"/>
      <color theme="1"/>
      <name val="ＭＳ 明朝"/>
      <family val="2"/>
      <charset val="128"/>
    </font>
    <font>
      <sz val="12"/>
      <name val="ＭＳ 明朝"/>
      <family val="1"/>
      <charset val="128"/>
    </font>
    <font>
      <sz val="6"/>
      <name val="ＭＳ 明朝"/>
      <family val="1"/>
      <charset val="128"/>
    </font>
    <font>
      <sz val="6"/>
      <name val="ＭＳ Ｐゴシック"/>
      <family val="3"/>
      <charset val="128"/>
    </font>
    <font>
      <sz val="11"/>
      <name val="ＭＳ Ｐゴシック"/>
      <family val="3"/>
      <charset val="128"/>
    </font>
    <font>
      <sz val="12"/>
      <color theme="1"/>
      <name val="ＭＳ 明朝"/>
      <family val="1"/>
      <charset val="128"/>
    </font>
    <font>
      <sz val="14"/>
      <name val="ＭＳ Ｐゴシック"/>
      <family val="3"/>
      <charset val="128"/>
      <scheme val="minor"/>
    </font>
    <font>
      <sz val="16"/>
      <name val="ＭＳ Ｐゴシック"/>
      <family val="3"/>
      <charset val="128"/>
      <scheme val="minor"/>
    </font>
    <font>
      <sz val="20"/>
      <name val="ＭＳ Ｐゴシック"/>
      <family val="3"/>
      <charset val="128"/>
      <scheme val="minor"/>
    </font>
    <font>
      <sz val="10"/>
      <name val="ＭＳ Ｐゴシック"/>
      <family val="3"/>
      <charset val="128"/>
      <scheme val="minor"/>
    </font>
    <font>
      <b/>
      <sz val="24"/>
      <name val="ＭＳ Ｐゴシック"/>
      <family val="3"/>
      <charset val="128"/>
      <scheme val="minor"/>
    </font>
    <font>
      <b/>
      <sz val="12"/>
      <name val="ＭＳ Ｐゴシック"/>
      <family val="3"/>
      <charset val="128"/>
      <scheme val="minor"/>
    </font>
    <font>
      <sz val="18"/>
      <name val="ＭＳ Ｐゴシック"/>
      <family val="3"/>
      <charset val="128"/>
      <scheme val="minor"/>
    </font>
    <font>
      <b/>
      <sz val="11"/>
      <name val="ＭＳ Ｐゴシック"/>
      <family val="3"/>
      <charset val="128"/>
      <scheme val="minor"/>
    </font>
  </fonts>
  <fills count="5">
    <fill>
      <patternFill patternType="none"/>
    </fill>
    <fill>
      <patternFill patternType="gray125"/>
    </fill>
    <fill>
      <patternFill patternType="solid">
        <fgColor theme="9" tint="0.59999389629810485"/>
        <bgColor indexed="64"/>
      </patternFill>
    </fill>
    <fill>
      <patternFill patternType="solid">
        <fgColor theme="0"/>
        <bgColor indexed="64"/>
      </patternFill>
    </fill>
    <fill>
      <patternFill patternType="solid">
        <fgColor rgb="FFFCD5B4"/>
        <bgColor indexed="64"/>
      </patternFill>
    </fill>
  </fills>
  <borders count="7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style="thin">
        <color indexed="64"/>
      </top>
      <bottom/>
      <diagonal/>
    </border>
    <border>
      <left/>
      <right style="thin">
        <color indexed="64"/>
      </right>
      <top/>
      <bottom/>
      <diagonal/>
    </border>
    <border>
      <left/>
      <right/>
      <top style="thin">
        <color indexed="64"/>
      </top>
      <bottom style="thin">
        <color indexed="64"/>
      </bottom>
      <diagonal/>
    </border>
    <border>
      <left/>
      <right style="thin">
        <color indexed="64"/>
      </right>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bottom/>
      <diagonal/>
    </border>
    <border>
      <left style="medium">
        <color indexed="64"/>
      </left>
      <right/>
      <top/>
      <bottom/>
      <diagonal/>
    </border>
    <border>
      <left/>
      <right style="thin">
        <color indexed="64"/>
      </right>
      <top/>
      <bottom style="medium">
        <color indexed="64"/>
      </bottom>
      <diagonal/>
    </border>
    <border>
      <left/>
      <right/>
      <top style="thin">
        <color indexed="64"/>
      </top>
      <bottom style="medium">
        <color indexed="64"/>
      </bottom>
      <diagonal/>
    </border>
    <border>
      <left/>
      <right/>
      <top style="medium">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bottom/>
      <diagonal/>
    </border>
    <border>
      <left style="medium">
        <color indexed="64"/>
      </left>
      <right/>
      <top style="medium">
        <color indexed="64"/>
      </top>
      <bottom/>
      <diagonal/>
    </border>
    <border>
      <left/>
      <right style="medium">
        <color indexed="64"/>
      </right>
      <top/>
      <bottom/>
      <diagonal/>
    </border>
    <border>
      <left style="thin">
        <color indexed="64"/>
      </left>
      <right style="medium">
        <color indexed="64"/>
      </right>
      <top style="thin">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diagonal/>
    </border>
    <border>
      <left/>
      <right/>
      <top style="medium">
        <color indexed="64"/>
      </top>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style="medium">
        <color indexed="64"/>
      </left>
      <right/>
      <top style="thin">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bottom style="medium">
        <color indexed="64"/>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bottom/>
      <diagonal/>
    </border>
    <border>
      <left/>
      <right style="medium">
        <color indexed="64"/>
      </right>
      <top style="medium">
        <color indexed="64"/>
      </top>
      <bottom/>
      <diagonal/>
    </border>
    <border>
      <left/>
      <right style="thin">
        <color indexed="64"/>
      </right>
      <top style="thin">
        <color indexed="64"/>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medium">
        <color indexed="64"/>
      </right>
      <top style="thin">
        <color indexed="64"/>
      </top>
      <bottom style="hair">
        <color indexed="64"/>
      </bottom>
      <diagonal/>
    </border>
    <border>
      <left style="medium">
        <color indexed="64"/>
      </left>
      <right style="medium">
        <color indexed="64"/>
      </right>
      <top/>
      <bottom style="hair">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medium">
        <color indexed="64"/>
      </bottom>
      <diagonal/>
    </border>
    <border>
      <left style="medium">
        <color indexed="64"/>
      </left>
      <right/>
      <top/>
      <bottom style="hair">
        <color indexed="64"/>
      </bottom>
      <diagonal/>
    </border>
    <border>
      <left style="medium">
        <color indexed="64"/>
      </left>
      <right/>
      <top style="thin">
        <color indexed="64"/>
      </top>
      <bottom style="hair">
        <color indexed="64"/>
      </bottom>
      <diagonal/>
    </border>
  </borders>
  <cellStyleXfs count="8">
    <xf numFmtId="0" fontId="0" fillId="0" borderId="0">
      <alignment vertical="center"/>
    </xf>
    <xf numFmtId="0" fontId="6" fillId="0" borderId="0"/>
    <xf numFmtId="0" fontId="7" fillId="0" borderId="0">
      <alignment vertical="center"/>
    </xf>
    <xf numFmtId="38" fontId="3" fillId="0" borderId="0" applyFont="0" applyFill="0" applyBorder="0" applyAlignment="0" applyProtection="0">
      <alignment vertical="center"/>
    </xf>
    <xf numFmtId="0" fontId="2" fillId="0" borderId="0">
      <alignment vertical="center"/>
    </xf>
    <xf numFmtId="38" fontId="2" fillId="0" borderId="0" applyFont="0" applyFill="0" applyBorder="0" applyAlignment="0" applyProtection="0">
      <alignment vertical="center"/>
    </xf>
    <xf numFmtId="0" fontId="1" fillId="0" borderId="0">
      <alignment vertical="center"/>
    </xf>
    <xf numFmtId="38" fontId="3" fillId="0" borderId="0" applyFont="0" applyFill="0" applyBorder="0" applyAlignment="0" applyProtection="0">
      <alignment vertical="center"/>
    </xf>
  </cellStyleXfs>
  <cellXfs count="403">
    <xf numFmtId="0" fontId="0" fillId="0" borderId="0" xfId="0">
      <alignment vertical="center"/>
    </xf>
    <xf numFmtId="176" fontId="9" fillId="0" borderId="15" xfId="3" applyNumberFormat="1" applyFont="1" applyFill="1" applyBorder="1" applyAlignment="1">
      <alignment horizontal="right" vertical="center"/>
    </xf>
    <xf numFmtId="38" fontId="9" fillId="0" borderId="23" xfId="3" applyFont="1" applyFill="1" applyBorder="1" applyAlignment="1">
      <alignment horizontal="right" vertical="center" shrinkToFit="1"/>
    </xf>
    <xf numFmtId="38" fontId="9" fillId="0" borderId="6" xfId="3" applyFont="1" applyFill="1" applyBorder="1" applyAlignment="1">
      <alignment horizontal="right" vertical="center" shrinkToFit="1"/>
    </xf>
    <xf numFmtId="38" fontId="9" fillId="0" borderId="13" xfId="3" applyFont="1" applyFill="1" applyBorder="1" applyAlignment="1">
      <alignment horizontal="right" vertical="center" shrinkToFit="1"/>
    </xf>
    <xf numFmtId="176" fontId="9" fillId="0" borderId="53" xfId="3" applyNumberFormat="1" applyFont="1" applyFill="1" applyBorder="1" applyAlignment="1">
      <alignment horizontal="right" vertical="center"/>
    </xf>
    <xf numFmtId="176" fontId="9" fillId="2" borderId="53" xfId="3" applyNumberFormat="1" applyFont="1" applyFill="1" applyBorder="1" applyAlignment="1">
      <alignment horizontal="right" vertical="center"/>
    </xf>
    <xf numFmtId="38" fontId="9" fillId="2" borderId="6" xfId="3" applyFont="1" applyFill="1" applyBorder="1" applyAlignment="1">
      <alignment horizontal="right" vertical="center" shrinkToFit="1"/>
    </xf>
    <xf numFmtId="38" fontId="9" fillId="2" borderId="13" xfId="3" applyFont="1" applyFill="1" applyBorder="1" applyAlignment="1">
      <alignment horizontal="right" vertical="center" shrinkToFit="1"/>
    </xf>
    <xf numFmtId="38" fontId="9" fillId="0" borderId="13" xfId="3" applyFont="1" applyFill="1" applyBorder="1" applyAlignment="1">
      <alignment horizontal="center" vertical="center" shrinkToFit="1"/>
    </xf>
    <xf numFmtId="176" fontId="9" fillId="2" borderId="15" xfId="3" applyNumberFormat="1" applyFont="1" applyFill="1" applyBorder="1" applyAlignment="1">
      <alignment horizontal="right" vertical="center"/>
    </xf>
    <xf numFmtId="38" fontId="9" fillId="2" borderId="23" xfId="3" applyFont="1" applyFill="1" applyBorder="1" applyAlignment="1">
      <alignment horizontal="right" vertical="center" shrinkToFit="1"/>
    </xf>
    <xf numFmtId="38" fontId="9" fillId="2" borderId="23" xfId="3" applyFont="1" applyFill="1" applyBorder="1" applyAlignment="1">
      <alignment horizontal="center" vertical="center" shrinkToFit="1"/>
    </xf>
    <xf numFmtId="38" fontId="9" fillId="2" borderId="13" xfId="3" applyFont="1" applyFill="1" applyBorder="1" applyAlignment="1">
      <alignment horizontal="center" vertical="center" shrinkToFit="1"/>
    </xf>
    <xf numFmtId="38" fontId="9" fillId="0" borderId="43" xfId="3" applyFont="1" applyFill="1" applyBorder="1" applyAlignment="1">
      <alignment horizontal="right" vertical="center" shrinkToFit="1"/>
    </xf>
    <xf numFmtId="176" fontId="9" fillId="2" borderId="53" xfId="3" applyNumberFormat="1" applyFont="1" applyFill="1" applyBorder="1" applyAlignment="1">
      <alignment horizontal="center" vertical="center"/>
    </xf>
    <xf numFmtId="176" fontId="9" fillId="0" borderId="53" xfId="3" applyNumberFormat="1" applyFont="1" applyFill="1" applyBorder="1" applyAlignment="1">
      <alignment horizontal="center" vertical="center"/>
    </xf>
    <xf numFmtId="38" fontId="8" fillId="2" borderId="6" xfId="3" applyFont="1" applyFill="1" applyBorder="1" applyAlignment="1">
      <alignment horizontal="right" vertical="center" wrapText="1" shrinkToFit="1"/>
    </xf>
    <xf numFmtId="38" fontId="8" fillId="2" borderId="13" xfId="3" applyFont="1" applyFill="1" applyBorder="1" applyAlignment="1">
      <alignment horizontal="right" vertical="center" wrapText="1" shrinkToFit="1"/>
    </xf>
    <xf numFmtId="38" fontId="9" fillId="0" borderId="24" xfId="3" applyFont="1" applyFill="1" applyBorder="1" applyAlignment="1">
      <alignment horizontal="right" vertical="center" shrinkToFit="1"/>
    </xf>
    <xf numFmtId="38" fontId="9" fillId="0" borderId="14" xfId="3" applyFont="1" applyFill="1" applyBorder="1" applyAlignment="1">
      <alignment horizontal="right" vertical="center" shrinkToFit="1"/>
    </xf>
    <xf numFmtId="38" fontId="9" fillId="0" borderId="8" xfId="3" applyFont="1" applyFill="1" applyBorder="1" applyAlignment="1">
      <alignment horizontal="right" vertical="center" shrinkToFit="1"/>
    </xf>
    <xf numFmtId="38" fontId="9" fillId="2" borderId="6" xfId="3" applyFont="1" applyFill="1" applyBorder="1" applyAlignment="1">
      <alignment horizontal="center" vertical="center" shrinkToFit="1"/>
    </xf>
    <xf numFmtId="38" fontId="9" fillId="0" borderId="23" xfId="3" applyFont="1" applyFill="1" applyBorder="1" applyAlignment="1">
      <alignment horizontal="center" vertical="center" shrinkToFit="1"/>
    </xf>
    <xf numFmtId="176" fontId="9" fillId="0" borderId="50" xfId="3" applyNumberFormat="1" applyFont="1" applyFill="1" applyBorder="1" applyAlignment="1">
      <alignment horizontal="center" vertical="center"/>
    </xf>
    <xf numFmtId="176" fontId="9" fillId="0" borderId="26" xfId="3" applyNumberFormat="1" applyFont="1" applyFill="1" applyBorder="1" applyAlignment="1">
      <alignment horizontal="right" vertical="center"/>
    </xf>
    <xf numFmtId="38" fontId="8" fillId="0" borderId="6" xfId="3" applyFont="1" applyFill="1" applyBorder="1" applyAlignment="1">
      <alignment horizontal="right" vertical="center" wrapText="1" shrinkToFit="1"/>
    </xf>
    <xf numFmtId="38" fontId="8" fillId="0" borderId="13" xfId="3" applyFont="1" applyFill="1" applyBorder="1" applyAlignment="1">
      <alignment horizontal="right" vertical="center" wrapText="1" shrinkToFit="1"/>
    </xf>
    <xf numFmtId="38" fontId="9" fillId="0" borderId="6" xfId="3" applyFont="1" applyFill="1" applyBorder="1" applyAlignment="1">
      <alignment horizontal="center" vertical="center" shrinkToFit="1"/>
    </xf>
    <xf numFmtId="38" fontId="8" fillId="0" borderId="6" xfId="3" applyFont="1" applyFill="1" applyBorder="1" applyAlignment="1">
      <alignment horizontal="right" vertical="center" wrapText="1"/>
    </xf>
    <xf numFmtId="38" fontId="8" fillId="0" borderId="13" xfId="3" applyFont="1" applyFill="1" applyBorder="1" applyAlignment="1">
      <alignment horizontal="right" vertical="center" wrapText="1"/>
    </xf>
    <xf numFmtId="176" fontId="9" fillId="0" borderId="48" xfId="3" applyNumberFormat="1" applyFont="1" applyFill="1" applyBorder="1" applyAlignment="1">
      <alignment horizontal="right" vertical="center"/>
    </xf>
    <xf numFmtId="176" fontId="9" fillId="0" borderId="46" xfId="3" applyNumberFormat="1" applyFont="1" applyFill="1" applyBorder="1" applyAlignment="1">
      <alignment horizontal="center" vertical="center"/>
    </xf>
    <xf numFmtId="38" fontId="9" fillId="0" borderId="63" xfId="3" applyFont="1" applyFill="1" applyBorder="1" applyAlignment="1">
      <alignment horizontal="right" vertical="center" shrinkToFit="1"/>
    </xf>
    <xf numFmtId="38" fontId="9" fillId="0" borderId="28" xfId="3" applyFont="1" applyFill="1" applyBorder="1" applyAlignment="1">
      <alignment horizontal="center" vertical="center" shrinkToFit="1"/>
    </xf>
    <xf numFmtId="38" fontId="9" fillId="0" borderId="35" xfId="3" applyFont="1" applyFill="1" applyBorder="1" applyAlignment="1">
      <alignment horizontal="right" vertical="center" shrinkToFit="1"/>
    </xf>
    <xf numFmtId="176" fontId="9" fillId="4" borderId="37" xfId="3" applyNumberFormat="1" applyFont="1" applyFill="1" applyBorder="1" applyAlignment="1">
      <alignment horizontal="right" vertical="center"/>
    </xf>
    <xf numFmtId="38" fontId="9" fillId="4" borderId="6" xfId="3" applyFont="1" applyFill="1" applyBorder="1" applyAlignment="1">
      <alignment horizontal="right" vertical="center" shrinkToFit="1"/>
    </xf>
    <xf numFmtId="38" fontId="9" fillId="4" borderId="13" xfId="3" applyFont="1" applyFill="1" applyBorder="1" applyAlignment="1">
      <alignment horizontal="right" vertical="center" shrinkToFit="1"/>
    </xf>
    <xf numFmtId="176" fontId="9" fillId="4" borderId="53" xfId="3" applyNumberFormat="1" applyFont="1" applyFill="1" applyBorder="1" applyAlignment="1">
      <alignment horizontal="center" vertical="center"/>
    </xf>
    <xf numFmtId="38" fontId="9" fillId="4" borderId="23" xfId="3" applyFont="1" applyFill="1" applyBorder="1" applyAlignment="1">
      <alignment horizontal="right" vertical="center" shrinkToFit="1"/>
    </xf>
    <xf numFmtId="176" fontId="9" fillId="4" borderId="50" xfId="3" applyNumberFormat="1" applyFont="1" applyFill="1" applyBorder="1" applyAlignment="1">
      <alignment horizontal="center" vertical="center"/>
    </xf>
    <xf numFmtId="38" fontId="9" fillId="4" borderId="24" xfId="3" applyFont="1" applyFill="1" applyBorder="1" applyAlignment="1">
      <alignment horizontal="right" vertical="center" shrinkToFit="1"/>
    </xf>
    <xf numFmtId="38" fontId="9" fillId="4" borderId="14" xfId="3" applyFont="1" applyFill="1" applyBorder="1" applyAlignment="1">
      <alignment horizontal="right" vertical="center" shrinkToFit="1"/>
    </xf>
    <xf numFmtId="38" fontId="9" fillId="4" borderId="8" xfId="3" applyFont="1" applyFill="1" applyBorder="1" applyAlignment="1">
      <alignment horizontal="right" vertical="center" shrinkToFit="1"/>
    </xf>
    <xf numFmtId="176" fontId="9" fillId="4" borderId="38" xfId="3" applyNumberFormat="1" applyFont="1" applyFill="1" applyBorder="1" applyAlignment="1">
      <alignment horizontal="right" vertical="center"/>
    </xf>
    <xf numFmtId="176" fontId="9" fillId="4" borderId="15" xfId="3" applyNumberFormat="1" applyFont="1" applyFill="1" applyBorder="1" applyAlignment="1">
      <alignment horizontal="center" vertical="center"/>
    </xf>
    <xf numFmtId="38" fontId="8" fillId="4" borderId="6" xfId="3" applyFont="1" applyFill="1" applyBorder="1" applyAlignment="1">
      <alignment horizontal="right" vertical="center" wrapText="1"/>
    </xf>
    <xf numFmtId="38" fontId="8" fillId="4" borderId="13" xfId="3" applyFont="1" applyFill="1" applyBorder="1" applyAlignment="1">
      <alignment horizontal="right" vertical="center" wrapText="1"/>
    </xf>
    <xf numFmtId="38" fontId="9" fillId="0" borderId="2" xfId="3" applyFont="1" applyFill="1" applyBorder="1" applyAlignment="1">
      <alignment horizontal="right" vertical="center" shrinkToFit="1"/>
    </xf>
    <xf numFmtId="38" fontId="9" fillId="4" borderId="5" xfId="3" applyFont="1" applyFill="1" applyBorder="1" applyAlignment="1">
      <alignment horizontal="right" vertical="center" shrinkToFit="1"/>
    </xf>
    <xf numFmtId="38" fontId="9" fillId="4" borderId="7" xfId="3" applyFont="1" applyFill="1" applyBorder="1" applyAlignment="1">
      <alignment horizontal="right" vertical="center" shrinkToFit="1"/>
    </xf>
    <xf numFmtId="38" fontId="9" fillId="0" borderId="19" xfId="3" applyFont="1" applyFill="1" applyBorder="1" applyAlignment="1">
      <alignment horizontal="center" vertical="center" shrinkToFit="1"/>
    </xf>
    <xf numFmtId="38" fontId="9" fillId="0" borderId="35" xfId="3" applyFont="1" applyFill="1" applyBorder="1" applyAlignment="1">
      <alignment horizontal="center" vertical="center" shrinkToFit="1"/>
    </xf>
    <xf numFmtId="38" fontId="9" fillId="4" borderId="23" xfId="3" applyFont="1" applyFill="1" applyBorder="1" applyAlignment="1">
      <alignment horizontal="center" vertical="center" shrinkToFit="1"/>
    </xf>
    <xf numFmtId="38" fontId="9" fillId="0" borderId="20" xfId="3" applyFont="1" applyFill="1" applyBorder="1" applyAlignment="1">
      <alignment horizontal="right" vertical="center" shrinkToFit="1"/>
    </xf>
    <xf numFmtId="38" fontId="9" fillId="0" borderId="3" xfId="3" applyFont="1" applyFill="1" applyBorder="1" applyAlignment="1">
      <alignment horizontal="right" vertical="center" shrinkToFit="1"/>
    </xf>
    <xf numFmtId="38" fontId="9" fillId="2" borderId="3" xfId="3" applyFont="1" applyFill="1" applyBorder="1" applyAlignment="1">
      <alignment horizontal="right" vertical="center" shrinkToFit="1"/>
    </xf>
    <xf numFmtId="38" fontId="9" fillId="0" borderId="8" xfId="3" applyFont="1" applyFill="1" applyBorder="1" applyAlignment="1">
      <alignment vertical="center" shrinkToFit="1"/>
    </xf>
    <xf numFmtId="38" fontId="9" fillId="4" borderId="8" xfId="3" applyFont="1" applyFill="1" applyBorder="1" applyAlignment="1">
      <alignment horizontal="center" vertical="center" shrinkToFit="1"/>
    </xf>
    <xf numFmtId="38" fontId="9" fillId="0" borderId="28" xfId="3" applyFont="1" applyFill="1" applyBorder="1" applyAlignment="1">
      <alignment horizontal="right" vertical="center" shrinkToFit="1"/>
    </xf>
    <xf numFmtId="38" fontId="9" fillId="2" borderId="43" xfId="3" applyFont="1" applyFill="1" applyBorder="1" applyAlignment="1">
      <alignment horizontal="right" vertical="center" shrinkToFit="1"/>
    </xf>
    <xf numFmtId="38" fontId="9" fillId="0" borderId="55" xfId="3" applyFont="1" applyFill="1" applyBorder="1" applyAlignment="1">
      <alignment horizontal="right" vertical="center" shrinkToFit="1"/>
    </xf>
    <xf numFmtId="38" fontId="9" fillId="0" borderId="56" xfId="3" applyFont="1" applyFill="1" applyBorder="1" applyAlignment="1">
      <alignment horizontal="right" vertical="center" shrinkToFit="1"/>
    </xf>
    <xf numFmtId="38" fontId="9" fillId="4" borderId="43" xfId="3" applyFont="1" applyFill="1" applyBorder="1" applyAlignment="1">
      <alignment horizontal="right" vertical="center" shrinkToFit="1"/>
    </xf>
    <xf numFmtId="38" fontId="9" fillId="4" borderId="56" xfId="3" applyFont="1" applyFill="1" applyBorder="1" applyAlignment="1">
      <alignment horizontal="right" vertical="center" shrinkToFit="1"/>
    </xf>
    <xf numFmtId="38" fontId="9" fillId="0" borderId="16" xfId="3" applyFont="1" applyFill="1" applyBorder="1" applyAlignment="1">
      <alignment horizontal="right" vertical="center" shrinkToFit="1"/>
    </xf>
    <xf numFmtId="0" fontId="9" fillId="4" borderId="15" xfId="1" applyFont="1" applyFill="1" applyBorder="1" applyAlignment="1">
      <alignment horizontal="center" vertical="center" wrapText="1"/>
    </xf>
    <xf numFmtId="176" fontId="9" fillId="2" borderId="47" xfId="3" applyNumberFormat="1" applyFont="1" applyFill="1" applyBorder="1" applyAlignment="1">
      <alignment horizontal="right" vertical="center"/>
    </xf>
    <xf numFmtId="176" fontId="9" fillId="2" borderId="33" xfId="3" applyNumberFormat="1" applyFont="1" applyFill="1" applyBorder="1" applyAlignment="1">
      <alignment horizontal="right" vertical="center"/>
    </xf>
    <xf numFmtId="38" fontId="9" fillId="2" borderId="41" xfId="3" applyFont="1" applyFill="1" applyBorder="1" applyAlignment="1">
      <alignment horizontal="right" vertical="center" shrinkToFit="1"/>
    </xf>
    <xf numFmtId="38" fontId="9" fillId="2" borderId="29" xfId="3" applyFont="1" applyFill="1" applyBorder="1" applyAlignment="1">
      <alignment horizontal="right" vertical="center" shrinkToFit="1"/>
    </xf>
    <xf numFmtId="38" fontId="9" fillId="2" borderId="68" xfId="3" applyFont="1" applyFill="1" applyBorder="1" applyAlignment="1">
      <alignment horizontal="right" vertical="center" shrinkToFit="1"/>
    </xf>
    <xf numFmtId="38" fontId="9" fillId="2" borderId="22" xfId="3" applyFont="1" applyFill="1" applyBorder="1" applyAlignment="1">
      <alignment horizontal="right" vertical="center" shrinkToFit="1"/>
    </xf>
    <xf numFmtId="38" fontId="9" fillId="2" borderId="44" xfId="3" applyFont="1" applyFill="1" applyBorder="1" applyAlignment="1">
      <alignment horizontal="right" vertical="center" shrinkToFit="1"/>
    </xf>
    <xf numFmtId="176" fontId="9" fillId="0" borderId="38" xfId="3" applyNumberFormat="1" applyFont="1" applyFill="1" applyBorder="1" applyAlignment="1">
      <alignment horizontal="right" vertical="center"/>
    </xf>
    <xf numFmtId="176" fontId="9" fillId="0" borderId="36" xfId="3" applyNumberFormat="1" applyFont="1" applyFill="1" applyBorder="1" applyAlignment="1">
      <alignment horizontal="right" vertical="center"/>
    </xf>
    <xf numFmtId="176" fontId="9" fillId="2" borderId="37" xfId="3" applyNumberFormat="1" applyFont="1" applyFill="1" applyBorder="1" applyAlignment="1">
      <alignment horizontal="right" vertical="center"/>
    </xf>
    <xf numFmtId="38" fontId="9" fillId="2" borderId="5" xfId="3" applyFont="1" applyFill="1" applyBorder="1" applyAlignment="1">
      <alignment horizontal="right" vertical="center" shrinkToFit="1"/>
    </xf>
    <xf numFmtId="176" fontId="9" fillId="0" borderId="37" xfId="3" applyNumberFormat="1" applyFont="1" applyFill="1" applyBorder="1" applyAlignment="1">
      <alignment horizontal="right" vertical="center"/>
    </xf>
    <xf numFmtId="176" fontId="9" fillId="2" borderId="38" xfId="3" applyNumberFormat="1" applyFont="1" applyFill="1" applyBorder="1" applyAlignment="1">
      <alignment horizontal="right" vertical="center"/>
    </xf>
    <xf numFmtId="38" fontId="9" fillId="0" borderId="5" xfId="3" applyFont="1" applyFill="1" applyBorder="1" applyAlignment="1">
      <alignment horizontal="center" vertical="center" shrinkToFit="1"/>
    </xf>
    <xf numFmtId="38" fontId="9" fillId="0" borderId="5" xfId="3" applyFont="1" applyFill="1" applyBorder="1" applyAlignment="1">
      <alignment horizontal="right" vertical="center" shrinkToFit="1"/>
    </xf>
    <xf numFmtId="176" fontId="9" fillId="2" borderId="66" xfId="3" applyNumberFormat="1" applyFont="1" applyFill="1" applyBorder="1" applyAlignment="1">
      <alignment horizontal="right" vertical="center"/>
    </xf>
    <xf numFmtId="38" fontId="9" fillId="0" borderId="7" xfId="3" applyFont="1" applyFill="1" applyBorder="1" applyAlignment="1">
      <alignment horizontal="right" vertical="center" shrinkToFit="1"/>
    </xf>
    <xf numFmtId="176" fontId="9" fillId="0" borderId="66" xfId="3" applyNumberFormat="1" applyFont="1" applyFill="1" applyBorder="1" applyAlignment="1">
      <alignment horizontal="right" vertical="center"/>
    </xf>
    <xf numFmtId="176" fontId="9" fillId="0" borderId="67" xfId="3" applyNumberFormat="1" applyFont="1" applyFill="1" applyBorder="1" applyAlignment="1">
      <alignment horizontal="right" vertical="center"/>
    </xf>
    <xf numFmtId="0" fontId="9" fillId="4" borderId="2" xfId="1" applyFont="1" applyFill="1" applyBorder="1" applyAlignment="1">
      <alignment horizontal="center" vertical="center" wrapText="1"/>
    </xf>
    <xf numFmtId="0" fontId="9" fillId="4" borderId="3" xfId="1" applyFont="1" applyFill="1" applyBorder="1" applyAlignment="1">
      <alignment horizontal="left" vertical="center" wrapText="1"/>
    </xf>
    <xf numFmtId="0" fontId="9" fillId="4" borderId="9" xfId="1" applyFont="1" applyFill="1" applyBorder="1" applyAlignment="1">
      <alignment horizontal="left" vertical="center" wrapText="1"/>
    </xf>
    <xf numFmtId="0" fontId="9" fillId="4" borderId="35" xfId="1" applyFont="1" applyFill="1" applyBorder="1" applyAlignment="1">
      <alignment horizontal="left" vertical="center" wrapText="1"/>
    </xf>
    <xf numFmtId="176" fontId="9" fillId="0" borderId="15" xfId="3" applyNumberFormat="1" applyFont="1" applyFill="1" applyBorder="1" applyAlignment="1">
      <alignment horizontal="center" vertical="center"/>
    </xf>
    <xf numFmtId="38" fontId="9" fillId="2" borderId="6" xfId="3" applyFont="1" applyFill="1" applyBorder="1" applyAlignment="1">
      <alignment vertical="center" shrinkToFit="1"/>
    </xf>
    <xf numFmtId="38" fontId="9" fillId="4" borderId="13" xfId="3" applyFont="1" applyFill="1" applyBorder="1" applyAlignment="1">
      <alignment vertical="center" shrinkToFit="1"/>
    </xf>
    <xf numFmtId="0" fontId="12" fillId="3" borderId="0" xfId="0" applyFont="1" applyFill="1" applyAlignment="1">
      <alignment vertical="center"/>
    </xf>
    <xf numFmtId="0" fontId="13" fillId="0" borderId="0" xfId="0" applyFont="1">
      <alignment vertical="center"/>
    </xf>
    <xf numFmtId="0" fontId="9" fillId="2" borderId="42" xfId="1" applyFont="1" applyFill="1" applyBorder="1" applyAlignment="1">
      <alignment vertical="center" wrapText="1"/>
    </xf>
    <xf numFmtId="0" fontId="8" fillId="2" borderId="60" xfId="1" applyNumberFormat="1" applyFont="1" applyFill="1" applyBorder="1" applyAlignment="1">
      <alignment vertical="center" wrapText="1"/>
    </xf>
    <xf numFmtId="49" fontId="9" fillId="2" borderId="42" xfId="1" applyNumberFormat="1" applyFont="1" applyFill="1" applyBorder="1" applyAlignment="1">
      <alignment horizontal="center" vertical="center"/>
    </xf>
    <xf numFmtId="0" fontId="9" fillId="2" borderId="68" xfId="1" applyFont="1" applyFill="1" applyBorder="1" applyAlignment="1">
      <alignment horizontal="left" vertical="center" wrapText="1"/>
    </xf>
    <xf numFmtId="0" fontId="9" fillId="2" borderId="33" xfId="1" applyFont="1" applyFill="1" applyBorder="1" applyAlignment="1">
      <alignment horizontal="center" vertical="center" wrapText="1"/>
    </xf>
    <xf numFmtId="38" fontId="9" fillId="2" borderId="45" xfId="3" applyFont="1" applyFill="1" applyBorder="1" applyAlignment="1">
      <alignment horizontal="right" vertical="center" shrinkToFit="1"/>
    </xf>
    <xf numFmtId="38" fontId="9" fillId="2" borderId="49" xfId="3" applyFont="1" applyFill="1" applyBorder="1" applyAlignment="1">
      <alignment horizontal="center" vertical="center" wrapText="1"/>
    </xf>
    <xf numFmtId="0" fontId="9" fillId="0" borderId="1" xfId="0" applyFont="1" applyBorder="1" applyAlignment="1">
      <alignment vertical="center" wrapText="1"/>
    </xf>
    <xf numFmtId="49" fontId="8" fillId="0" borderId="9" xfId="1" applyNumberFormat="1" applyFont="1" applyBorder="1" applyAlignment="1">
      <alignment vertical="center" wrapText="1"/>
    </xf>
    <xf numFmtId="49" fontId="9" fillId="0" borderId="1" xfId="1" applyNumberFormat="1" applyFont="1" applyBorder="1" applyAlignment="1">
      <alignment horizontal="center" vertical="center"/>
    </xf>
    <xf numFmtId="0" fontId="9" fillId="0" borderId="5" xfId="1" applyFont="1" applyBorder="1" applyAlignment="1">
      <alignment horizontal="left" vertical="center" wrapText="1"/>
    </xf>
    <xf numFmtId="0" fontId="9" fillId="0" borderId="53" xfId="1" applyFont="1" applyBorder="1" applyAlignment="1">
      <alignment horizontal="center" vertical="center" wrapText="1"/>
    </xf>
    <xf numFmtId="38" fontId="9" fillId="0" borderId="5" xfId="3" applyFont="1" applyFill="1" applyBorder="1" applyAlignment="1">
      <alignment horizontal="right" vertical="center" wrapText="1"/>
    </xf>
    <xf numFmtId="38" fontId="9" fillId="0" borderId="71" xfId="3" applyFont="1" applyFill="1" applyBorder="1" applyAlignment="1">
      <alignment horizontal="center" vertical="center" shrinkToFit="1"/>
    </xf>
    <xf numFmtId="38" fontId="9" fillId="0" borderId="61" xfId="3" applyFont="1" applyFill="1" applyBorder="1" applyAlignment="1">
      <alignment horizontal="right" vertical="center" shrinkToFit="1"/>
    </xf>
    <xf numFmtId="38" fontId="9" fillId="0" borderId="37" xfId="3" applyFont="1" applyFill="1" applyBorder="1" applyAlignment="1">
      <alignment horizontal="center" vertical="center" wrapText="1"/>
    </xf>
    <xf numFmtId="0" fontId="9" fillId="2" borderId="1" xfId="0" applyFont="1" applyFill="1" applyBorder="1" applyAlignment="1">
      <alignment vertical="center" wrapText="1"/>
    </xf>
    <xf numFmtId="49" fontId="8" fillId="2" borderId="9" xfId="1" applyNumberFormat="1" applyFont="1" applyFill="1" applyBorder="1" applyAlignment="1">
      <alignment vertical="center" wrapText="1"/>
    </xf>
    <xf numFmtId="49" fontId="9" fillId="2" borderId="1" xfId="1" applyNumberFormat="1" applyFont="1" applyFill="1" applyBorder="1" applyAlignment="1">
      <alignment horizontal="center" vertical="center"/>
    </xf>
    <xf numFmtId="0" fontId="9" fillId="2" borderId="5" xfId="1" applyFont="1" applyFill="1" applyBorder="1" applyAlignment="1">
      <alignment horizontal="left" vertical="center" wrapText="1"/>
    </xf>
    <xf numFmtId="0" fontId="9" fillId="2" borderId="15" xfId="1" applyFont="1" applyFill="1" applyBorder="1" applyAlignment="1">
      <alignment horizontal="center" vertical="center" wrapText="1"/>
    </xf>
    <xf numFmtId="38" fontId="9" fillId="2" borderId="5" xfId="3" applyFont="1" applyFill="1" applyBorder="1" applyAlignment="1">
      <alignment horizontal="right" vertical="center" wrapText="1"/>
    </xf>
    <xf numFmtId="38" fontId="9" fillId="2" borderId="53" xfId="3" applyFont="1" applyFill="1" applyBorder="1" applyAlignment="1">
      <alignment horizontal="right" vertical="center" shrinkToFit="1"/>
    </xf>
    <xf numFmtId="38" fontId="9" fillId="2" borderId="37" xfId="3" applyFont="1" applyFill="1" applyBorder="1" applyAlignment="1">
      <alignment horizontal="center" vertical="center" wrapText="1"/>
    </xf>
    <xf numFmtId="0" fontId="9" fillId="0" borderId="15" xfId="1" applyFont="1" applyBorder="1" applyAlignment="1">
      <alignment horizontal="center" vertical="center" wrapText="1"/>
    </xf>
    <xf numFmtId="0" fontId="9" fillId="0" borderId="5" xfId="0" applyFont="1" applyBorder="1" applyAlignment="1">
      <alignment horizontal="right" vertical="center" shrinkToFit="1"/>
    </xf>
    <xf numFmtId="38" fontId="9" fillId="0" borderId="61" xfId="3" applyFont="1" applyFill="1" applyBorder="1" applyAlignment="1">
      <alignment horizontal="center" vertical="center" shrinkToFit="1"/>
    </xf>
    <xf numFmtId="38" fontId="8" fillId="2" borderId="9" xfId="3" applyFont="1" applyFill="1" applyBorder="1" applyAlignment="1">
      <alignment vertical="center" wrapText="1"/>
    </xf>
    <xf numFmtId="38" fontId="9" fillId="2" borderId="1" xfId="3" applyFont="1" applyFill="1" applyBorder="1" applyAlignment="1">
      <alignment horizontal="center" vertical="center"/>
    </xf>
    <xf numFmtId="38" fontId="9" fillId="2" borderId="15" xfId="3" applyFont="1" applyFill="1" applyBorder="1" applyAlignment="1">
      <alignment horizontal="center" vertical="center" wrapText="1"/>
    </xf>
    <xf numFmtId="38" fontId="9" fillId="2" borderId="15" xfId="3" applyFont="1" applyFill="1" applyBorder="1" applyAlignment="1">
      <alignment horizontal="right" vertical="center" shrinkToFit="1"/>
    </xf>
    <xf numFmtId="38" fontId="9" fillId="2" borderId="35" xfId="3" applyFont="1" applyFill="1" applyBorder="1" applyAlignment="1">
      <alignment horizontal="right" vertical="center" shrinkToFit="1"/>
    </xf>
    <xf numFmtId="0" fontId="9" fillId="0" borderId="1" xfId="0" applyFont="1" applyFill="1" applyBorder="1" applyAlignment="1">
      <alignment vertical="center" wrapText="1"/>
    </xf>
    <xf numFmtId="49" fontId="8" fillId="0" borderId="9" xfId="1" applyNumberFormat="1" applyFont="1" applyFill="1" applyBorder="1" applyAlignment="1">
      <alignment vertical="center" wrapText="1"/>
    </xf>
    <xf numFmtId="49" fontId="9" fillId="0" borderId="1" xfId="1" applyNumberFormat="1" applyFont="1" applyFill="1" applyBorder="1" applyAlignment="1">
      <alignment horizontal="center" vertical="center"/>
    </xf>
    <xf numFmtId="0" fontId="9" fillId="0" borderId="5" xfId="1" applyFont="1" applyFill="1" applyBorder="1" applyAlignment="1">
      <alignment horizontal="left" vertical="center" wrapText="1"/>
    </xf>
    <xf numFmtId="0" fontId="9" fillId="0" borderId="15" xfId="1" applyFont="1" applyFill="1" applyBorder="1" applyAlignment="1">
      <alignment horizontal="center" vertical="center" wrapText="1"/>
    </xf>
    <xf numFmtId="38" fontId="9" fillId="0" borderId="53" xfId="3" applyFont="1" applyFill="1" applyBorder="1" applyAlignment="1">
      <alignment horizontal="right" vertical="center" shrinkToFit="1"/>
    </xf>
    <xf numFmtId="38" fontId="9" fillId="2" borderId="71" xfId="3" applyFont="1" applyFill="1" applyBorder="1" applyAlignment="1">
      <alignment horizontal="right" vertical="center" shrinkToFit="1"/>
    </xf>
    <xf numFmtId="38" fontId="9" fillId="2" borderId="61" xfId="3" applyFont="1" applyFill="1" applyBorder="1" applyAlignment="1">
      <alignment horizontal="right" vertical="center" shrinkToFit="1"/>
    </xf>
    <xf numFmtId="0" fontId="9" fillId="0" borderId="53" xfId="1" applyFont="1" applyFill="1" applyBorder="1" applyAlignment="1">
      <alignment horizontal="center" vertical="center" wrapText="1"/>
    </xf>
    <xf numFmtId="38" fontId="9" fillId="0" borderId="15" xfId="3" applyFont="1" applyFill="1" applyBorder="1" applyAlignment="1">
      <alignment horizontal="right" vertical="center" shrinkToFit="1"/>
    </xf>
    <xf numFmtId="38" fontId="9" fillId="2" borderId="53" xfId="3" applyFont="1" applyFill="1" applyBorder="1" applyAlignment="1">
      <alignment horizontal="center" vertical="center" wrapText="1"/>
    </xf>
    <xf numFmtId="38" fontId="9" fillId="2" borderId="72" xfId="3" applyFont="1" applyFill="1" applyBorder="1" applyAlignment="1">
      <alignment horizontal="right" vertical="center" shrinkToFit="1"/>
    </xf>
    <xf numFmtId="38" fontId="9" fillId="0" borderId="15" xfId="3" applyFont="1" applyFill="1" applyBorder="1" applyAlignment="1">
      <alignment horizontal="center" vertical="center" shrinkToFit="1"/>
    </xf>
    <xf numFmtId="38" fontId="9" fillId="2" borderId="37" xfId="3" applyFont="1" applyFill="1" applyBorder="1" applyAlignment="1">
      <alignment horizontal="right" vertical="center" wrapText="1"/>
    </xf>
    <xf numFmtId="38" fontId="9" fillId="0" borderId="72" xfId="3" applyFont="1" applyFill="1" applyBorder="1" applyAlignment="1">
      <alignment horizontal="center" vertical="center" shrinkToFit="1"/>
    </xf>
    <xf numFmtId="0" fontId="9" fillId="2" borderId="18" xfId="0" applyFont="1" applyFill="1" applyBorder="1" applyAlignment="1">
      <alignment vertical="center" wrapText="1"/>
    </xf>
    <xf numFmtId="0" fontId="9" fillId="2" borderId="53" xfId="1" applyFont="1" applyFill="1" applyBorder="1" applyAlignment="1">
      <alignment horizontal="center" vertical="center" wrapText="1"/>
    </xf>
    <xf numFmtId="0" fontId="9" fillId="0" borderId="1" xfId="1" applyFont="1" applyFill="1" applyBorder="1" applyAlignment="1">
      <alignment vertical="center" wrapText="1"/>
    </xf>
    <xf numFmtId="0" fontId="13" fillId="2" borderId="0" xfId="0" applyFont="1" applyFill="1">
      <alignment vertical="center"/>
    </xf>
    <xf numFmtId="49" fontId="8" fillId="2" borderId="1" xfId="1" applyNumberFormat="1" applyFont="1" applyFill="1" applyBorder="1" applyAlignment="1">
      <alignment vertical="center" wrapText="1"/>
    </xf>
    <xf numFmtId="0" fontId="9" fillId="0" borderId="1" xfId="1" applyFont="1" applyBorder="1" applyAlignment="1">
      <alignment vertical="center" wrapText="1"/>
    </xf>
    <xf numFmtId="0" fontId="9" fillId="2" borderId="1" xfId="1" applyFont="1" applyFill="1" applyBorder="1" applyAlignment="1">
      <alignment vertical="center" wrapText="1"/>
    </xf>
    <xf numFmtId="38" fontId="9" fillId="0" borderId="37" xfId="3" applyFont="1" applyFill="1" applyBorder="1" applyAlignment="1">
      <alignment horizontal="right" vertical="center" wrapText="1"/>
    </xf>
    <xf numFmtId="0" fontId="9" fillId="2" borderId="23" xfId="1" applyFont="1" applyFill="1" applyBorder="1" applyAlignment="1">
      <alignment horizontal="left" vertical="center" wrapText="1"/>
    </xf>
    <xf numFmtId="38" fontId="9" fillId="2" borderId="53" xfId="3" applyFont="1" applyFill="1" applyBorder="1" applyAlignment="1">
      <alignment horizontal="center" vertical="center" shrinkToFit="1"/>
    </xf>
    <xf numFmtId="0" fontId="9" fillId="0" borderId="18" xfId="1" applyFont="1" applyBorder="1" applyAlignment="1">
      <alignment vertical="center" wrapText="1"/>
    </xf>
    <xf numFmtId="49" fontId="8" fillId="0" borderId="18" xfId="1" applyNumberFormat="1" applyFont="1" applyBorder="1" applyAlignment="1">
      <alignment vertical="center" wrapText="1"/>
    </xf>
    <xf numFmtId="49" fontId="9" fillId="0" borderId="18" xfId="1" applyNumberFormat="1" applyFont="1" applyBorder="1" applyAlignment="1">
      <alignment horizontal="center" vertical="center"/>
    </xf>
    <xf numFmtId="0" fontId="9" fillId="0" borderId="7" xfId="1" applyFont="1" applyBorder="1" applyAlignment="1">
      <alignment horizontal="left" vertical="center" wrapText="1"/>
    </xf>
    <xf numFmtId="0" fontId="9" fillId="0" borderId="50" xfId="1" applyFont="1" applyBorder="1" applyAlignment="1">
      <alignment horizontal="center" vertical="center" wrapText="1"/>
    </xf>
    <xf numFmtId="38" fontId="9" fillId="0" borderId="50" xfId="3" applyFont="1" applyFill="1" applyBorder="1" applyAlignment="1">
      <alignment horizontal="right" vertical="center" shrinkToFit="1"/>
    </xf>
    <xf numFmtId="38" fontId="9" fillId="0" borderId="36" xfId="3" applyFont="1" applyFill="1" applyBorder="1" applyAlignment="1">
      <alignment horizontal="center" vertical="center" wrapText="1"/>
    </xf>
    <xf numFmtId="38" fontId="9" fillId="0" borderId="71" xfId="3" applyFont="1" applyFill="1" applyBorder="1" applyAlignment="1">
      <alignment horizontal="right" vertical="center" shrinkToFit="1"/>
    </xf>
    <xf numFmtId="176" fontId="13" fillId="0" borderId="0" xfId="0" applyNumberFormat="1" applyFont="1">
      <alignment vertical="center"/>
    </xf>
    <xf numFmtId="0" fontId="9" fillId="0" borderId="32" xfId="1" applyFont="1" applyBorder="1" applyAlignment="1">
      <alignment horizontal="center" vertical="top" wrapText="1"/>
    </xf>
    <xf numFmtId="49" fontId="8" fillId="0" borderId="1" xfId="1" applyNumberFormat="1" applyFont="1" applyFill="1" applyBorder="1" applyAlignment="1">
      <alignment vertical="center" wrapText="1"/>
    </xf>
    <xf numFmtId="38" fontId="9" fillId="0" borderId="53" xfId="3" applyFont="1" applyFill="1" applyBorder="1" applyAlignment="1">
      <alignment horizontal="center" vertical="center" shrinkToFit="1"/>
    </xf>
    <xf numFmtId="38" fontId="9" fillId="2" borderId="13" xfId="3" applyFont="1" applyFill="1" applyBorder="1" applyAlignment="1">
      <alignment horizontal="right" vertical="center" wrapText="1"/>
    </xf>
    <xf numFmtId="0" fontId="9" fillId="4" borderId="1" xfId="0" applyFont="1" applyFill="1" applyBorder="1" applyAlignment="1">
      <alignment vertical="center" wrapText="1"/>
    </xf>
    <xf numFmtId="49" fontId="8" fillId="4" borderId="9" xfId="1" applyNumberFormat="1" applyFont="1" applyFill="1" applyBorder="1" applyAlignment="1">
      <alignment vertical="center" wrapText="1"/>
    </xf>
    <xf numFmtId="49" fontId="9" fillId="4" borderId="1" xfId="1" applyNumberFormat="1" applyFont="1" applyFill="1" applyBorder="1" applyAlignment="1">
      <alignment horizontal="center" vertical="center"/>
    </xf>
    <xf numFmtId="0" fontId="9" fillId="4" borderId="5" xfId="1" applyFont="1" applyFill="1" applyBorder="1" applyAlignment="1">
      <alignment horizontal="left" vertical="center" wrapText="1"/>
    </xf>
    <xf numFmtId="38" fontId="9" fillId="4" borderId="53" xfId="3" applyFont="1" applyFill="1" applyBorder="1" applyAlignment="1">
      <alignment horizontal="center" vertical="center" shrinkToFit="1"/>
    </xf>
    <xf numFmtId="38" fontId="9" fillId="4" borderId="37" xfId="3" applyFont="1" applyFill="1" applyBorder="1" applyAlignment="1">
      <alignment horizontal="center" vertical="center" wrapText="1"/>
    </xf>
    <xf numFmtId="0" fontId="9" fillId="4" borderId="1" xfId="1" applyFont="1" applyFill="1" applyBorder="1" applyAlignment="1">
      <alignment vertical="center" wrapText="1"/>
    </xf>
    <xf numFmtId="0" fontId="9" fillId="4" borderId="53" xfId="1" applyFont="1" applyFill="1" applyBorder="1" applyAlignment="1">
      <alignment horizontal="center" vertical="center" wrapText="1"/>
    </xf>
    <xf numFmtId="38" fontId="9" fillId="4" borderId="5" xfId="3" applyFont="1" applyFill="1" applyBorder="1" applyAlignment="1">
      <alignment horizontal="right" vertical="center" wrapText="1"/>
    </xf>
    <xf numFmtId="38" fontId="9" fillId="4" borderId="36" xfId="3" applyFont="1" applyFill="1" applyBorder="1" applyAlignment="1">
      <alignment horizontal="center" vertical="center" wrapText="1"/>
    </xf>
    <xf numFmtId="176" fontId="13" fillId="0" borderId="0" xfId="0" applyNumberFormat="1" applyFont="1" applyBorder="1" applyAlignment="1">
      <alignment horizontal="center" vertical="center"/>
    </xf>
    <xf numFmtId="38" fontId="9" fillId="4" borderId="15" xfId="3" applyFont="1" applyFill="1" applyBorder="1" applyAlignment="1">
      <alignment horizontal="right" vertical="center" shrinkToFit="1"/>
    </xf>
    <xf numFmtId="38" fontId="9" fillId="4" borderId="53" xfId="3" applyFont="1" applyFill="1" applyBorder="1" applyAlignment="1">
      <alignment horizontal="right" vertical="center" shrinkToFit="1"/>
    </xf>
    <xf numFmtId="49" fontId="8" fillId="0" borderId="1" xfId="1" applyNumberFormat="1" applyFont="1" applyBorder="1" applyAlignment="1">
      <alignment vertical="center" wrapText="1"/>
    </xf>
    <xf numFmtId="0" fontId="9" fillId="0" borderId="18" xfId="1" applyFont="1" applyFill="1" applyBorder="1" applyAlignment="1">
      <alignment vertical="center" wrapText="1"/>
    </xf>
    <xf numFmtId="0" fontId="8" fillId="0" borderId="18" xfId="1" applyFont="1" applyFill="1" applyBorder="1" applyAlignment="1">
      <alignment vertical="center" wrapText="1"/>
    </xf>
    <xf numFmtId="49" fontId="9" fillId="0" borderId="18" xfId="1" applyNumberFormat="1" applyFont="1" applyFill="1" applyBorder="1" applyAlignment="1">
      <alignment horizontal="center" vertical="center"/>
    </xf>
    <xf numFmtId="0" fontId="9" fillId="0" borderId="7" xfId="1" applyFont="1" applyFill="1" applyBorder="1" applyAlignment="1">
      <alignment horizontal="left" vertical="center" wrapText="1"/>
    </xf>
    <xf numFmtId="0" fontId="9" fillId="0" borderId="26" xfId="1" applyFont="1" applyFill="1" applyBorder="1" applyAlignment="1">
      <alignment horizontal="center" vertical="center" wrapText="1"/>
    </xf>
    <xf numFmtId="38" fontId="9" fillId="0" borderId="50" xfId="3" applyFont="1" applyFill="1" applyBorder="1" applyAlignment="1">
      <alignment horizontal="center" vertical="center" shrinkToFit="1"/>
    </xf>
    <xf numFmtId="38" fontId="9" fillId="0" borderId="24" xfId="3" applyFont="1" applyFill="1" applyBorder="1" applyAlignment="1">
      <alignment horizontal="center" vertical="center" shrinkToFit="1"/>
    </xf>
    <xf numFmtId="38" fontId="9" fillId="0" borderId="36" xfId="3" applyFont="1" applyFill="1" applyBorder="1" applyAlignment="1">
      <alignment horizontal="right" vertical="center" wrapText="1"/>
    </xf>
    <xf numFmtId="38" fontId="9" fillId="4" borderId="71" xfId="3" applyFont="1" applyFill="1" applyBorder="1" applyAlignment="1">
      <alignment horizontal="center" vertical="center" shrinkToFit="1"/>
    </xf>
    <xf numFmtId="38" fontId="9" fillId="4" borderId="61" xfId="3" applyFont="1" applyFill="1" applyBorder="1" applyAlignment="1">
      <alignment horizontal="center" vertical="center" shrinkToFit="1"/>
    </xf>
    <xf numFmtId="49" fontId="8" fillId="4" borderId="1" xfId="1" applyNumberFormat="1" applyFont="1" applyFill="1" applyBorder="1" applyAlignment="1">
      <alignment vertical="center" wrapText="1"/>
    </xf>
    <xf numFmtId="49" fontId="8" fillId="0" borderId="10" xfId="1" applyNumberFormat="1" applyFont="1" applyBorder="1" applyAlignment="1">
      <alignment vertical="center" wrapText="1"/>
    </xf>
    <xf numFmtId="38" fontId="9" fillId="0" borderId="8" xfId="3" applyFont="1" applyFill="1" applyBorder="1" applyAlignment="1">
      <alignment horizontal="right" vertical="center" wrapText="1"/>
    </xf>
    <xf numFmtId="0" fontId="9" fillId="4" borderId="18" xfId="0" applyFont="1" applyFill="1" applyBorder="1" applyAlignment="1">
      <alignment vertical="center" wrapText="1"/>
    </xf>
    <xf numFmtId="38" fontId="9" fillId="4" borderId="35" xfId="3" applyFont="1" applyFill="1" applyBorder="1" applyAlignment="1">
      <alignment horizontal="right" vertical="center" shrinkToFit="1"/>
    </xf>
    <xf numFmtId="0" fontId="9" fillId="0" borderId="43" xfId="0" applyFont="1" applyBorder="1" applyAlignment="1">
      <alignment horizontal="center" vertical="top" wrapText="1"/>
    </xf>
    <xf numFmtId="38" fontId="9" fillId="4" borderId="5" xfId="3" applyFont="1" applyFill="1" applyBorder="1" applyAlignment="1">
      <alignment horizontal="center" vertical="center" wrapText="1"/>
    </xf>
    <xf numFmtId="0" fontId="9" fillId="0" borderId="17" xfId="1" applyFont="1" applyFill="1" applyBorder="1" applyAlignment="1">
      <alignment vertical="center" wrapText="1"/>
    </xf>
    <xf numFmtId="49" fontId="8" fillId="0" borderId="17" xfId="1" applyNumberFormat="1" applyFont="1" applyFill="1" applyBorder="1" applyAlignment="1">
      <alignment vertical="center" wrapText="1"/>
    </xf>
    <xf numFmtId="49" fontId="9" fillId="0" borderId="17" xfId="1" applyNumberFormat="1" applyFont="1" applyFill="1" applyBorder="1" applyAlignment="1">
      <alignment horizontal="center" vertical="center"/>
    </xf>
    <xf numFmtId="0" fontId="9" fillId="0" borderId="19" xfId="1" applyFont="1" applyFill="1" applyBorder="1" applyAlignment="1">
      <alignment horizontal="left" vertical="center" wrapText="1"/>
    </xf>
    <xf numFmtId="0" fontId="9" fillId="0" borderId="46" xfId="1" applyFont="1" applyFill="1" applyBorder="1" applyAlignment="1">
      <alignment horizontal="center" vertical="center" wrapText="1"/>
    </xf>
    <xf numFmtId="38" fontId="9" fillId="0" borderId="46" xfId="3" applyFont="1" applyFill="1" applyBorder="1" applyAlignment="1">
      <alignment horizontal="right" vertical="center" shrinkToFit="1"/>
    </xf>
    <xf numFmtId="38" fontId="9" fillId="0" borderId="48" xfId="3" applyFont="1" applyFill="1" applyBorder="1" applyAlignment="1">
      <alignment horizontal="center" vertical="center" wrapText="1"/>
    </xf>
    <xf numFmtId="0" fontId="13" fillId="0" borderId="0" xfId="0" applyFont="1" applyAlignment="1">
      <alignment vertical="center" wrapText="1"/>
    </xf>
    <xf numFmtId="0" fontId="15" fillId="0" borderId="0" xfId="0" applyFont="1">
      <alignment vertical="center"/>
    </xf>
    <xf numFmtId="0" fontId="13" fillId="0" borderId="0" xfId="0" applyFont="1" applyAlignment="1">
      <alignment horizontal="center" vertical="center"/>
    </xf>
    <xf numFmtId="0" fontId="13" fillId="0" borderId="0" xfId="0" applyFont="1" applyAlignment="1">
      <alignment horizontal="right" vertical="center"/>
    </xf>
    <xf numFmtId="0" fontId="13" fillId="0" borderId="0" xfId="0" applyFont="1" applyAlignment="1">
      <alignment vertical="center" shrinkToFit="1"/>
    </xf>
    <xf numFmtId="0" fontId="9" fillId="2" borderId="60" xfId="1" applyFont="1" applyFill="1" applyBorder="1" applyAlignment="1">
      <alignment horizontal="left" vertical="center" wrapText="1"/>
    </xf>
    <xf numFmtId="0" fontId="9" fillId="2" borderId="39" xfId="1" applyFont="1" applyFill="1" applyBorder="1" applyAlignment="1">
      <alignment horizontal="left" vertical="center" wrapText="1"/>
    </xf>
    <xf numFmtId="0" fontId="9" fillId="2" borderId="58" xfId="1" applyFont="1" applyFill="1" applyBorder="1" applyAlignment="1">
      <alignment horizontal="center" vertical="center" wrapText="1"/>
    </xf>
    <xf numFmtId="0" fontId="9" fillId="2" borderId="69" xfId="1" applyFont="1" applyFill="1" applyBorder="1" applyAlignment="1">
      <alignment horizontal="left" vertical="top" wrapText="1"/>
    </xf>
    <xf numFmtId="0" fontId="9" fillId="2" borderId="49" xfId="3" applyNumberFormat="1" applyFont="1" applyFill="1" applyBorder="1" applyAlignment="1">
      <alignment horizontal="center" vertical="center" wrapText="1"/>
    </xf>
    <xf numFmtId="0" fontId="9" fillId="0" borderId="1" xfId="1" applyFont="1" applyBorder="1" applyAlignment="1">
      <alignment horizontal="left" vertical="center" wrapText="1"/>
    </xf>
    <xf numFmtId="0" fontId="9" fillId="0" borderId="13" xfId="1" applyFont="1" applyBorder="1" applyAlignment="1">
      <alignment horizontal="left" vertical="center" wrapText="1"/>
    </xf>
    <xf numFmtId="0" fontId="9" fillId="0" borderId="5" xfId="1" applyFont="1" applyBorder="1" applyAlignment="1">
      <alignment horizontal="center" vertical="center" wrapText="1"/>
    </xf>
    <xf numFmtId="0" fontId="9" fillId="0" borderId="23" xfId="1" applyFont="1" applyBorder="1" applyAlignment="1">
      <alignment horizontal="left" vertical="top" wrapText="1"/>
    </xf>
    <xf numFmtId="0" fontId="9" fillId="0" borderId="37" xfId="3" applyNumberFormat="1" applyFont="1" applyFill="1" applyBorder="1" applyAlignment="1">
      <alignment horizontal="center" vertical="center"/>
    </xf>
    <xf numFmtId="0" fontId="9" fillId="2" borderId="9" xfId="1" applyFont="1" applyFill="1" applyBorder="1" applyAlignment="1">
      <alignment horizontal="left" vertical="center" wrapText="1"/>
    </xf>
    <xf numFmtId="0" fontId="9" fillId="2" borderId="3" xfId="1" applyFont="1" applyFill="1" applyBorder="1" applyAlignment="1">
      <alignment horizontal="left" vertical="top" wrapText="1"/>
    </xf>
    <xf numFmtId="0" fontId="9" fillId="2" borderId="2" xfId="1" applyFont="1" applyFill="1" applyBorder="1" applyAlignment="1">
      <alignment horizontal="center" vertical="center" wrapText="1"/>
    </xf>
    <xf numFmtId="0" fontId="9" fillId="2" borderId="35" xfId="1" applyFont="1" applyFill="1" applyBorder="1" applyAlignment="1">
      <alignment horizontal="left" vertical="top" wrapText="1"/>
    </xf>
    <xf numFmtId="0" fontId="9" fillId="2" borderId="37" xfId="3" applyNumberFormat="1" applyFont="1" applyFill="1" applyBorder="1" applyAlignment="1">
      <alignment horizontal="center" vertical="center"/>
    </xf>
    <xf numFmtId="0" fontId="9" fillId="0" borderId="9" xfId="1" applyFont="1" applyBorder="1" applyAlignment="1">
      <alignment horizontal="left" vertical="center" wrapText="1"/>
    </xf>
    <xf numFmtId="0" fontId="9" fillId="0" borderId="3" xfId="1" applyFont="1" applyBorder="1" applyAlignment="1">
      <alignment horizontal="left" vertical="top" wrapText="1"/>
    </xf>
    <xf numFmtId="0" fontId="9" fillId="0" borderId="2" xfId="1" applyFont="1" applyBorder="1" applyAlignment="1">
      <alignment horizontal="center" vertical="center" wrapText="1"/>
    </xf>
    <xf numFmtId="0" fontId="9" fillId="0" borderId="35" xfId="1" applyFont="1" applyBorder="1" applyAlignment="1">
      <alignment horizontal="left" vertical="top" wrapText="1"/>
    </xf>
    <xf numFmtId="38" fontId="9" fillId="2" borderId="1" xfId="3" applyFont="1" applyFill="1" applyBorder="1" applyAlignment="1">
      <alignment horizontal="left" vertical="center" wrapText="1"/>
    </xf>
    <xf numFmtId="38" fontId="9" fillId="2" borderId="13" xfId="3" applyFont="1" applyFill="1" applyBorder="1" applyAlignment="1">
      <alignment horizontal="left" vertical="center" wrapText="1"/>
    </xf>
    <xf numFmtId="38" fontId="9" fillId="2" borderId="5" xfId="3" applyFont="1" applyFill="1" applyBorder="1" applyAlignment="1">
      <alignment horizontal="center" vertical="center" wrapText="1"/>
    </xf>
    <xf numFmtId="38" fontId="9" fillId="2" borderId="23" xfId="3" applyFont="1" applyFill="1" applyBorder="1" applyAlignment="1">
      <alignment horizontal="left" vertical="top" wrapText="1"/>
    </xf>
    <xf numFmtId="0" fontId="9" fillId="0" borderId="9" xfId="1" applyFont="1" applyFill="1" applyBorder="1" applyAlignment="1">
      <alignment horizontal="left" vertical="center" wrapText="1"/>
    </xf>
    <xf numFmtId="0" fontId="9" fillId="0" borderId="3" xfId="1" applyFont="1" applyFill="1" applyBorder="1" applyAlignment="1">
      <alignment horizontal="left" vertical="top" wrapText="1"/>
    </xf>
    <xf numFmtId="0" fontId="9" fillId="0" borderId="2" xfId="1" applyFont="1" applyFill="1" applyBorder="1" applyAlignment="1">
      <alignment horizontal="center" vertical="center" wrapText="1"/>
    </xf>
    <xf numFmtId="0" fontId="9" fillId="0" borderId="35" xfId="1" applyFont="1" applyFill="1" applyBorder="1" applyAlignment="1">
      <alignment horizontal="left" vertical="top" wrapText="1"/>
    </xf>
    <xf numFmtId="0" fontId="9" fillId="0" borderId="1" xfId="1" applyFont="1" applyFill="1" applyBorder="1" applyAlignment="1">
      <alignment horizontal="left" vertical="center" wrapText="1"/>
    </xf>
    <xf numFmtId="0" fontId="9" fillId="0" borderId="13" xfId="1" applyFont="1" applyFill="1" applyBorder="1" applyAlignment="1">
      <alignment horizontal="left" vertical="center" wrapText="1"/>
    </xf>
    <xf numFmtId="0" fontId="9" fillId="0" borderId="5" xfId="1" applyFont="1" applyFill="1" applyBorder="1" applyAlignment="1">
      <alignment horizontal="center" vertical="center" wrapText="1"/>
    </xf>
    <xf numFmtId="0" fontId="9" fillId="0" borderId="23" xfId="1" applyFont="1" applyFill="1" applyBorder="1" applyAlignment="1">
      <alignment horizontal="left" vertical="top" wrapText="1"/>
    </xf>
    <xf numFmtId="0" fontId="9" fillId="0" borderId="13" xfId="1" applyFont="1" applyFill="1" applyBorder="1" applyAlignment="1">
      <alignment horizontal="left" vertical="top" wrapText="1"/>
    </xf>
    <xf numFmtId="0" fontId="9" fillId="0" borderId="37" xfId="3" applyNumberFormat="1" applyFont="1" applyFill="1" applyBorder="1" applyAlignment="1">
      <alignment horizontal="center" vertical="center" wrapText="1"/>
    </xf>
    <xf numFmtId="0" fontId="9" fillId="2" borderId="3" xfId="1" applyFont="1" applyFill="1" applyBorder="1" applyAlignment="1">
      <alignment horizontal="left" vertical="center" wrapText="1"/>
    </xf>
    <xf numFmtId="0" fontId="9" fillId="2" borderId="1" xfId="1" applyFont="1" applyFill="1" applyBorder="1" applyAlignment="1">
      <alignment horizontal="left" vertical="center" wrapText="1"/>
    </xf>
    <xf numFmtId="0" fontId="9" fillId="2" borderId="13" xfId="1" applyFont="1" applyFill="1" applyBorder="1" applyAlignment="1">
      <alignment horizontal="left" vertical="center" wrapText="1"/>
    </xf>
    <xf numFmtId="0" fontId="9" fillId="2" borderId="5" xfId="1" applyFont="1" applyFill="1" applyBorder="1" applyAlignment="1">
      <alignment horizontal="center" vertical="center" wrapText="1"/>
    </xf>
    <xf numFmtId="0" fontId="9" fillId="2" borderId="23" xfId="1" applyFont="1" applyFill="1" applyBorder="1" applyAlignment="1">
      <alignment horizontal="left" vertical="top" wrapText="1"/>
    </xf>
    <xf numFmtId="0" fontId="9" fillId="2" borderId="37" xfId="3" applyNumberFormat="1" applyFont="1" applyFill="1" applyBorder="1" applyAlignment="1">
      <alignment horizontal="center" vertical="center" wrapText="1"/>
    </xf>
    <xf numFmtId="0" fontId="9" fillId="0" borderId="15" xfId="1" applyFont="1" applyBorder="1" applyAlignment="1">
      <alignment horizontal="left" vertical="center" wrapText="1"/>
    </xf>
    <xf numFmtId="0" fontId="9" fillId="2" borderId="13" xfId="1" applyFont="1" applyFill="1" applyBorder="1" applyAlignment="1">
      <alignment horizontal="left" vertical="top" wrapText="1"/>
    </xf>
    <xf numFmtId="0" fontId="9" fillId="0" borderId="18" xfId="1" applyFont="1" applyBorder="1" applyAlignment="1">
      <alignment horizontal="left" vertical="center" wrapText="1"/>
    </xf>
    <xf numFmtId="0" fontId="9" fillId="0" borderId="8" xfId="1" applyFont="1" applyBorder="1" applyAlignment="1">
      <alignment horizontal="left" vertical="center" wrapText="1"/>
    </xf>
    <xf numFmtId="0" fontId="9" fillId="0" borderId="7" xfId="1" applyFont="1" applyBorder="1" applyAlignment="1">
      <alignment horizontal="center" vertical="center" wrapText="1"/>
    </xf>
    <xf numFmtId="0" fontId="9" fillId="0" borderId="24" xfId="1" applyFont="1" applyBorder="1" applyAlignment="1">
      <alignment horizontal="left" vertical="top" wrapText="1"/>
    </xf>
    <xf numFmtId="0" fontId="9" fillId="0" borderId="36" xfId="3" applyNumberFormat="1" applyFont="1" applyFill="1" applyBorder="1" applyAlignment="1">
      <alignment horizontal="center" vertical="center" wrapText="1"/>
    </xf>
    <xf numFmtId="38" fontId="8" fillId="2" borderId="1" xfId="3" applyFont="1" applyFill="1" applyBorder="1" applyAlignment="1">
      <alignment vertical="center" wrapText="1"/>
    </xf>
    <xf numFmtId="38" fontId="9" fillId="2" borderId="13" xfId="3" applyFont="1" applyFill="1" applyBorder="1" applyAlignment="1">
      <alignment horizontal="left" vertical="top" wrapText="1"/>
    </xf>
    <xf numFmtId="0" fontId="9" fillId="0" borderId="23" xfId="1" applyFont="1" applyFill="1" applyBorder="1" applyAlignment="1">
      <alignment horizontal="left" vertical="center" wrapText="1"/>
    </xf>
    <xf numFmtId="0" fontId="9" fillId="2" borderId="35" xfId="1" applyFont="1" applyFill="1" applyBorder="1" applyAlignment="1">
      <alignment horizontal="left" vertical="center" wrapText="1"/>
    </xf>
    <xf numFmtId="0" fontId="9" fillId="0" borderId="13" xfId="1" applyFont="1" applyBorder="1" applyAlignment="1">
      <alignment horizontal="left" vertical="top" wrapText="1"/>
    </xf>
    <xf numFmtId="0" fontId="9" fillId="0" borderId="23" xfId="1" applyFont="1" applyBorder="1" applyAlignment="1">
      <alignment horizontal="left" vertical="center" wrapText="1"/>
    </xf>
    <xf numFmtId="0" fontId="9" fillId="0" borderId="3" xfId="1" applyFont="1" applyFill="1" applyBorder="1" applyAlignment="1">
      <alignment horizontal="left" vertical="center" wrapText="1"/>
    </xf>
    <xf numFmtId="0" fontId="9" fillId="4" borderId="35" xfId="1" applyFont="1" applyFill="1" applyBorder="1" applyAlignment="1">
      <alignment horizontal="left" vertical="top" wrapText="1"/>
    </xf>
    <xf numFmtId="0" fontId="9" fillId="4" borderId="37" xfId="3" applyNumberFormat="1" applyFont="1" applyFill="1" applyBorder="1" applyAlignment="1">
      <alignment horizontal="center" vertical="center"/>
    </xf>
    <xf numFmtId="0" fontId="9" fillId="4" borderId="53" xfId="1" applyFont="1" applyFill="1" applyBorder="1" applyAlignment="1">
      <alignment horizontal="left" vertical="center" wrapText="1"/>
    </xf>
    <xf numFmtId="0" fontId="9" fillId="4" borderId="1" xfId="1" applyFont="1" applyFill="1" applyBorder="1" applyAlignment="1">
      <alignment horizontal="left" vertical="center" wrapText="1"/>
    </xf>
    <xf numFmtId="0" fontId="9" fillId="4" borderId="13" xfId="1" applyFont="1" applyFill="1" applyBorder="1" applyAlignment="1">
      <alignment horizontal="left" vertical="top" wrapText="1"/>
    </xf>
    <xf numFmtId="0" fontId="9" fillId="4" borderId="5" xfId="1" applyFont="1" applyFill="1" applyBorder="1" applyAlignment="1">
      <alignment horizontal="center" vertical="center" wrapText="1"/>
    </xf>
    <xf numFmtId="0" fontId="9" fillId="4" borderId="23" xfId="1" applyFont="1" applyFill="1" applyBorder="1" applyAlignment="1">
      <alignment horizontal="left" vertical="top" wrapText="1"/>
    </xf>
    <xf numFmtId="0" fontId="9" fillId="4" borderId="37" xfId="3" applyNumberFormat="1" applyFont="1" applyFill="1" applyBorder="1" applyAlignment="1">
      <alignment horizontal="center" vertical="center" wrapText="1"/>
    </xf>
    <xf numFmtId="0" fontId="9" fillId="0" borderId="3" xfId="1" applyFont="1" applyBorder="1" applyAlignment="1">
      <alignment horizontal="left" vertical="center" wrapText="1"/>
    </xf>
    <xf numFmtId="0" fontId="9" fillId="0" borderId="35" xfId="1" applyFont="1" applyBorder="1" applyAlignment="1">
      <alignment horizontal="left" vertical="center" wrapText="1"/>
    </xf>
    <xf numFmtId="0" fontId="9" fillId="0" borderId="10" xfId="1" applyFont="1" applyFill="1" applyBorder="1" applyAlignment="1">
      <alignment horizontal="left" vertical="center" wrapText="1"/>
    </xf>
    <xf numFmtId="0" fontId="9" fillId="0" borderId="0" xfId="1" applyFont="1" applyFill="1" applyBorder="1" applyAlignment="1">
      <alignment horizontal="left" vertical="top" wrapText="1"/>
    </xf>
    <xf numFmtId="0" fontId="9" fillId="0" borderId="4" xfId="1" applyFont="1" applyFill="1" applyBorder="1" applyAlignment="1">
      <alignment horizontal="center" vertical="center" wrapText="1"/>
    </xf>
    <xf numFmtId="0" fontId="9" fillId="0" borderId="61" xfId="1" applyFont="1" applyFill="1" applyBorder="1" applyAlignment="1">
      <alignment horizontal="left" vertical="top" wrapText="1"/>
    </xf>
    <xf numFmtId="38" fontId="9" fillId="4" borderId="23" xfId="7" applyFont="1" applyFill="1" applyBorder="1" applyAlignment="1">
      <alignment vertical="center" shrinkToFit="1"/>
    </xf>
    <xf numFmtId="0" fontId="9" fillId="4" borderId="23" xfId="1" applyFont="1" applyFill="1" applyBorder="1" applyAlignment="1">
      <alignment horizontal="left" vertical="center" wrapText="1"/>
    </xf>
    <xf numFmtId="0" fontId="9" fillId="4" borderId="36" xfId="3" applyNumberFormat="1" applyFont="1" applyFill="1" applyBorder="1" applyAlignment="1">
      <alignment horizontal="center" vertical="center" wrapText="1"/>
    </xf>
    <xf numFmtId="0" fontId="9" fillId="4" borderId="5" xfId="1" applyFont="1" applyFill="1" applyBorder="1" applyAlignment="1">
      <alignment horizontal="center" vertical="top" wrapText="1"/>
    </xf>
    <xf numFmtId="0" fontId="9" fillId="0" borderId="10" xfId="1" applyFont="1" applyBorder="1" applyAlignment="1">
      <alignment horizontal="left" vertical="center" wrapText="1"/>
    </xf>
    <xf numFmtId="0" fontId="9" fillId="0" borderId="0" xfId="1" applyFont="1" applyBorder="1" applyAlignment="1">
      <alignment horizontal="left" vertical="top" wrapText="1"/>
    </xf>
    <xf numFmtId="0" fontId="9" fillId="0" borderId="4" xfId="1" applyFont="1" applyBorder="1" applyAlignment="1">
      <alignment horizontal="center" vertical="center" wrapText="1"/>
    </xf>
    <xf numFmtId="0" fontId="9" fillId="0" borderId="61" xfId="1" applyFont="1" applyBorder="1" applyAlignment="1">
      <alignment horizontal="left" vertical="top" wrapText="1"/>
    </xf>
    <xf numFmtId="0" fontId="9" fillId="0" borderId="36" xfId="3" applyNumberFormat="1" applyFont="1" applyFill="1" applyBorder="1" applyAlignment="1">
      <alignment horizontal="center" vertical="center"/>
    </xf>
    <xf numFmtId="0" fontId="9" fillId="4" borderId="1" xfId="1" applyFont="1" applyFill="1" applyBorder="1" applyAlignment="1">
      <alignment horizontal="left" vertical="top" wrapText="1"/>
    </xf>
    <xf numFmtId="0" fontId="9" fillId="4" borderId="13" xfId="1" applyFont="1" applyFill="1" applyBorder="1" applyAlignment="1">
      <alignment horizontal="left" vertical="center" wrapText="1"/>
    </xf>
    <xf numFmtId="0" fontId="9" fillId="0" borderId="1" xfId="1" applyFont="1" applyFill="1" applyBorder="1" applyAlignment="1">
      <alignment horizontal="left" vertical="top" wrapText="1"/>
    </xf>
    <xf numFmtId="0" fontId="9" fillId="0" borderId="2" xfId="1" applyFont="1" applyBorder="1" applyAlignment="1">
      <alignment horizontal="center" vertical="top" wrapText="1"/>
    </xf>
    <xf numFmtId="0" fontId="9" fillId="2" borderId="2" xfId="1" applyFont="1" applyFill="1" applyBorder="1" applyAlignment="1">
      <alignment horizontal="center" vertical="top" wrapText="1"/>
    </xf>
    <xf numFmtId="0" fontId="9" fillId="0" borderId="2" xfId="1" quotePrefix="1" applyFont="1" applyBorder="1" applyAlignment="1">
      <alignment horizontal="center" vertical="center" wrapText="1"/>
    </xf>
    <xf numFmtId="0" fontId="9" fillId="0" borderId="35" xfId="1" quotePrefix="1" applyFont="1" applyBorder="1" applyAlignment="1">
      <alignment horizontal="left" vertical="top" wrapText="1"/>
    </xf>
    <xf numFmtId="0" fontId="9" fillId="0" borderId="17" xfId="1" applyFont="1" applyFill="1" applyBorder="1" applyAlignment="1">
      <alignment horizontal="left" vertical="center" wrapText="1"/>
    </xf>
    <xf numFmtId="0" fontId="9" fillId="0" borderId="28" xfId="1" applyFont="1" applyFill="1" applyBorder="1" applyAlignment="1">
      <alignment horizontal="left" vertical="center" wrapText="1"/>
    </xf>
    <xf numFmtId="0" fontId="9" fillId="0" borderId="19" xfId="1" applyFont="1" applyFill="1" applyBorder="1" applyAlignment="1">
      <alignment horizontal="center" vertical="center" wrapText="1"/>
    </xf>
    <xf numFmtId="0" fontId="9" fillId="0" borderId="20" xfId="1" applyFont="1" applyFill="1" applyBorder="1" applyAlignment="1">
      <alignment horizontal="left" vertical="center" wrapText="1"/>
    </xf>
    <xf numFmtId="0" fontId="9" fillId="0" borderId="48" xfId="3" applyNumberFormat="1" applyFont="1" applyFill="1" applyBorder="1" applyAlignment="1">
      <alignment horizontal="center" vertical="center" wrapText="1"/>
    </xf>
    <xf numFmtId="0" fontId="13" fillId="0" borderId="0" xfId="0" applyFont="1" applyAlignment="1">
      <alignment horizontal="left" vertical="center"/>
    </xf>
    <xf numFmtId="38" fontId="9" fillId="2" borderId="22" xfId="3" applyFont="1" applyFill="1" applyBorder="1" applyAlignment="1">
      <alignment horizontal="center" vertical="center" shrinkToFit="1"/>
    </xf>
    <xf numFmtId="0" fontId="9" fillId="0" borderId="55" xfId="0" applyFont="1" applyBorder="1" applyAlignment="1">
      <alignment horizontal="center" vertical="top" wrapText="1"/>
    </xf>
    <xf numFmtId="0" fontId="9" fillId="0" borderId="56" xfId="0" applyFont="1" applyBorder="1" applyAlignment="1">
      <alignment horizontal="center" vertical="top" wrapText="1"/>
    </xf>
    <xf numFmtId="0" fontId="9" fillId="0" borderId="55" xfId="1" applyFont="1" applyBorder="1" applyAlignment="1">
      <alignment horizontal="center" vertical="top" wrapText="1"/>
    </xf>
    <xf numFmtId="0" fontId="9" fillId="0" borderId="32" xfId="1" applyFont="1" applyBorder="1" applyAlignment="1">
      <alignment horizontal="center" vertical="top" wrapText="1"/>
    </xf>
    <xf numFmtId="0" fontId="9" fillId="0" borderId="31" xfId="1" applyFont="1" applyBorder="1" applyAlignment="1">
      <alignment horizontal="center" vertical="top" wrapText="1"/>
    </xf>
    <xf numFmtId="0" fontId="10" fillId="0" borderId="33" xfId="1" applyFont="1" applyBorder="1" applyAlignment="1">
      <alignment horizontal="center" vertical="center" justifyLastLine="1"/>
    </xf>
    <xf numFmtId="0" fontId="10" fillId="0" borderId="59" xfId="1" applyFont="1" applyBorder="1" applyAlignment="1">
      <alignment horizontal="center" vertical="center" justifyLastLine="1"/>
    </xf>
    <xf numFmtId="0" fontId="10" fillId="0" borderId="26" xfId="1" applyFont="1" applyBorder="1" applyAlignment="1">
      <alignment horizontal="center" vertical="center" justifyLastLine="1"/>
    </xf>
    <xf numFmtId="0" fontId="10" fillId="0" borderId="12" xfId="1" applyFont="1" applyBorder="1" applyAlignment="1">
      <alignment horizontal="center" vertical="center" justifyLastLine="1"/>
    </xf>
    <xf numFmtId="0" fontId="10" fillId="0" borderId="64" xfId="1" applyFont="1" applyBorder="1" applyAlignment="1">
      <alignment horizontal="center" vertical="center" justifyLastLine="1"/>
    </xf>
    <xf numFmtId="0" fontId="10" fillId="0" borderId="27" xfId="1" applyFont="1" applyBorder="1" applyAlignment="1">
      <alignment horizontal="center" vertical="center" justifyLastLine="1"/>
    </xf>
    <xf numFmtId="0" fontId="10" fillId="0" borderId="60" xfId="1" applyFont="1" applyBorder="1" applyAlignment="1">
      <alignment horizontal="center" vertical="center" wrapText="1" justifyLastLine="1"/>
    </xf>
    <xf numFmtId="0" fontId="10" fillId="0" borderId="10" xfId="1" applyFont="1" applyBorder="1" applyAlignment="1">
      <alignment horizontal="center" vertical="center" wrapText="1" justifyLastLine="1"/>
    </xf>
    <xf numFmtId="0" fontId="10" fillId="0" borderId="57" xfId="1" applyFont="1" applyBorder="1" applyAlignment="1">
      <alignment horizontal="center" vertical="center" wrapText="1" justifyLastLine="1"/>
    </xf>
    <xf numFmtId="0" fontId="10" fillId="0" borderId="69" xfId="1" applyFont="1" applyBorder="1" applyAlignment="1">
      <alignment horizontal="center" vertical="center" wrapText="1" justifyLastLine="1"/>
    </xf>
    <xf numFmtId="0" fontId="10" fillId="0" borderId="61" xfId="1" applyFont="1" applyBorder="1" applyAlignment="1">
      <alignment horizontal="center" vertical="center" wrapText="1" justifyLastLine="1"/>
    </xf>
    <xf numFmtId="0" fontId="10" fillId="0" borderId="70" xfId="1" applyFont="1" applyBorder="1" applyAlignment="1">
      <alignment horizontal="center" vertical="center" wrapText="1" justifyLastLine="1"/>
    </xf>
    <xf numFmtId="0" fontId="9" fillId="0" borderId="32" xfId="0" applyFont="1" applyBorder="1" applyAlignment="1">
      <alignment horizontal="center" vertical="top"/>
    </xf>
    <xf numFmtId="0" fontId="9" fillId="0" borderId="56" xfId="0" applyFont="1" applyBorder="1" applyAlignment="1">
      <alignment horizontal="center" vertical="top"/>
    </xf>
    <xf numFmtId="0" fontId="9" fillId="0" borderId="32" xfId="0" applyFont="1" applyBorder="1" applyAlignment="1">
      <alignment horizontal="center" vertical="top" wrapText="1"/>
    </xf>
    <xf numFmtId="0" fontId="9" fillId="0" borderId="56" xfId="1" applyFont="1" applyBorder="1" applyAlignment="1">
      <alignment horizontal="center" vertical="top" wrapText="1"/>
    </xf>
    <xf numFmtId="0" fontId="9" fillId="0" borderId="30" xfId="1" applyFont="1" applyBorder="1" applyAlignment="1">
      <alignment horizontal="center" vertical="top" wrapText="1"/>
    </xf>
    <xf numFmtId="0" fontId="9" fillId="0" borderId="32" xfId="1" applyFont="1" applyBorder="1" applyAlignment="1">
      <alignment horizontal="center" vertical="top"/>
    </xf>
    <xf numFmtId="0" fontId="9" fillId="0" borderId="56" xfId="1" applyFont="1" applyBorder="1" applyAlignment="1">
      <alignment horizontal="center" vertical="top"/>
    </xf>
    <xf numFmtId="0" fontId="10" fillId="0" borderId="60" xfId="1" applyFont="1" applyBorder="1" applyAlignment="1">
      <alignment horizontal="center" vertical="center" textRotation="255" wrapText="1"/>
    </xf>
    <xf numFmtId="0" fontId="10" fillId="0" borderId="10" xfId="1" applyFont="1" applyBorder="1" applyAlignment="1">
      <alignment horizontal="center" vertical="center" textRotation="255" wrapText="1"/>
    </xf>
    <xf numFmtId="0" fontId="10" fillId="0" borderId="57" xfId="1" applyFont="1" applyBorder="1" applyAlignment="1">
      <alignment horizontal="center" vertical="center" textRotation="255" wrapText="1"/>
    </xf>
    <xf numFmtId="0" fontId="9" fillId="0" borderId="55" xfId="0" applyFont="1" applyBorder="1" applyAlignment="1">
      <alignment horizontal="center" vertical="top" wrapText="1" shrinkToFit="1"/>
    </xf>
    <xf numFmtId="0" fontId="9" fillId="0" borderId="56" xfId="0" applyFont="1" applyBorder="1" applyAlignment="1">
      <alignment horizontal="center" vertical="top" wrapText="1" shrinkToFit="1"/>
    </xf>
    <xf numFmtId="0" fontId="9" fillId="0" borderId="11" xfId="1" applyFont="1" applyBorder="1" applyAlignment="1">
      <alignment horizontal="center" vertical="center" wrapText="1"/>
    </xf>
    <xf numFmtId="0" fontId="9" fillId="0" borderId="12" xfId="1" applyFont="1" applyBorder="1" applyAlignment="1">
      <alignment horizontal="center" vertical="center" wrapText="1"/>
    </xf>
    <xf numFmtId="0" fontId="9" fillId="0" borderId="27" xfId="1" applyFont="1" applyBorder="1" applyAlignment="1">
      <alignment horizontal="center" vertical="center" wrapText="1"/>
    </xf>
    <xf numFmtId="0" fontId="10" fillId="0" borderId="33" xfId="1" applyFont="1" applyBorder="1" applyAlignment="1">
      <alignment horizontal="center" vertical="center" wrapText="1"/>
    </xf>
    <xf numFmtId="0" fontId="10" fillId="0" borderId="62" xfId="1" applyFont="1" applyBorder="1" applyAlignment="1">
      <alignment horizontal="center" vertical="center" wrapText="1"/>
    </xf>
    <xf numFmtId="0" fontId="10" fillId="0" borderId="26" xfId="1" applyFont="1" applyBorder="1" applyAlignment="1">
      <alignment horizontal="center" vertical="center" wrapText="1"/>
    </xf>
    <xf numFmtId="0" fontId="10" fillId="0" borderId="34" xfId="1" applyFont="1" applyBorder="1" applyAlignment="1">
      <alignment horizontal="center" vertical="center" wrapText="1"/>
    </xf>
    <xf numFmtId="0" fontId="10" fillId="0" borderId="50" xfId="1" applyFont="1" applyBorder="1" applyAlignment="1">
      <alignment horizontal="center" vertical="center" wrapText="1"/>
    </xf>
    <xf numFmtId="0" fontId="10" fillId="0" borderId="51" xfId="1" applyFont="1" applyBorder="1" applyAlignment="1">
      <alignment horizontal="center" vertical="center" wrapText="1"/>
    </xf>
    <xf numFmtId="0" fontId="10" fillId="0" borderId="25" xfId="1" applyFont="1" applyBorder="1" applyAlignment="1">
      <alignment horizontal="center" vertical="center"/>
    </xf>
    <xf numFmtId="0" fontId="10" fillId="0" borderId="54" xfId="1" applyFont="1" applyBorder="1" applyAlignment="1">
      <alignment horizontal="center" vertical="center"/>
    </xf>
    <xf numFmtId="0" fontId="14" fillId="0" borderId="25" xfId="1" applyFont="1" applyBorder="1" applyAlignment="1">
      <alignment horizontal="center" vertical="center" wrapText="1"/>
    </xf>
    <xf numFmtId="0" fontId="14" fillId="0" borderId="54" xfId="1" applyFont="1" applyBorder="1" applyAlignment="1">
      <alignment horizontal="center" vertical="center" wrapText="1"/>
    </xf>
    <xf numFmtId="0" fontId="10" fillId="0" borderId="39" xfId="1" applyFont="1" applyBorder="1" applyAlignment="1">
      <alignment horizontal="center" vertical="center" wrapText="1"/>
    </xf>
    <xf numFmtId="0" fontId="10" fillId="0" borderId="0" xfId="1" applyFont="1" applyBorder="1" applyAlignment="1">
      <alignment horizontal="center" vertical="center" wrapText="1"/>
    </xf>
    <xf numFmtId="0" fontId="10" fillId="0" borderId="8" xfId="1" applyFont="1" applyBorder="1" applyAlignment="1">
      <alignment horizontal="center" vertical="center" wrapText="1"/>
    </xf>
    <xf numFmtId="0" fontId="9" fillId="0" borderId="2" xfId="1" applyFont="1" applyBorder="1" applyAlignment="1">
      <alignment horizontal="center" vertical="center" wrapText="1"/>
    </xf>
    <xf numFmtId="0" fontId="9" fillId="0" borderId="4" xfId="1" applyFont="1" applyBorder="1" applyAlignment="1">
      <alignment horizontal="center" vertical="center" wrapText="1"/>
    </xf>
    <xf numFmtId="0" fontId="9" fillId="0" borderId="21" xfId="1" applyFont="1" applyBorder="1" applyAlignment="1">
      <alignment horizontal="center" vertical="center" wrapText="1"/>
    </xf>
    <xf numFmtId="0" fontId="12" fillId="3" borderId="40" xfId="0" applyFont="1" applyFill="1" applyBorder="1" applyAlignment="1">
      <alignment horizontal="left" vertical="center"/>
    </xf>
    <xf numFmtId="176" fontId="10" fillId="0" borderId="33" xfId="3" applyNumberFormat="1" applyFont="1" applyBorder="1" applyAlignment="1">
      <alignment horizontal="center" vertical="center" wrapText="1"/>
    </xf>
    <xf numFmtId="176" fontId="10" fillId="0" borderId="39" xfId="3" applyNumberFormat="1" applyFont="1" applyBorder="1" applyAlignment="1">
      <alignment horizontal="center" vertical="center" wrapText="1"/>
    </xf>
    <xf numFmtId="176" fontId="10" fillId="0" borderId="26" xfId="3" applyNumberFormat="1" applyFont="1" applyBorder="1" applyAlignment="1">
      <alignment horizontal="center" vertical="center" wrapText="1"/>
    </xf>
    <xf numFmtId="176" fontId="10" fillId="0" borderId="0" xfId="3" applyNumberFormat="1" applyFont="1" applyBorder="1" applyAlignment="1">
      <alignment horizontal="center" vertical="center" wrapText="1"/>
    </xf>
    <xf numFmtId="176" fontId="10" fillId="0" borderId="50" xfId="3" applyNumberFormat="1" applyFont="1" applyBorder="1" applyAlignment="1">
      <alignment horizontal="center" vertical="center" wrapText="1"/>
    </xf>
    <xf numFmtId="176" fontId="10" fillId="0" borderId="8" xfId="3" applyNumberFormat="1" applyFont="1" applyBorder="1" applyAlignment="1">
      <alignment horizontal="center" vertical="center" wrapText="1"/>
    </xf>
    <xf numFmtId="38" fontId="10" fillId="0" borderId="33" xfId="3" applyFont="1" applyBorder="1" applyAlignment="1">
      <alignment horizontal="center" vertical="center" wrapText="1"/>
    </xf>
    <xf numFmtId="38" fontId="10" fillId="0" borderId="39" xfId="3" applyFont="1" applyBorder="1" applyAlignment="1">
      <alignment horizontal="center" vertical="center" wrapText="1"/>
    </xf>
    <xf numFmtId="38" fontId="10" fillId="0" borderId="26" xfId="3" applyFont="1" applyBorder="1" applyAlignment="1">
      <alignment horizontal="center" vertical="center" wrapText="1"/>
    </xf>
    <xf numFmtId="38" fontId="10" fillId="0" borderId="0" xfId="3" applyFont="1" applyBorder="1" applyAlignment="1">
      <alignment horizontal="center" vertical="center" wrapText="1"/>
    </xf>
    <xf numFmtId="38" fontId="10" fillId="0" borderId="50" xfId="3" applyFont="1" applyBorder="1" applyAlignment="1">
      <alignment horizontal="center" vertical="center" wrapText="1"/>
    </xf>
    <xf numFmtId="38" fontId="10" fillId="0" borderId="8" xfId="3" applyFont="1" applyBorder="1" applyAlignment="1">
      <alignment horizontal="center" vertical="center" wrapText="1"/>
    </xf>
    <xf numFmtId="38" fontId="10" fillId="0" borderId="47" xfId="3" applyFont="1" applyBorder="1" applyAlignment="1">
      <alignment horizontal="center" vertical="center" wrapText="1"/>
    </xf>
    <xf numFmtId="38" fontId="10" fillId="0" borderId="25" xfId="3" applyFont="1" applyBorder="1" applyAlignment="1">
      <alignment horizontal="center" vertical="center" wrapText="1"/>
    </xf>
    <xf numFmtId="38" fontId="10" fillId="0" borderId="54" xfId="3" applyFont="1" applyBorder="1" applyAlignment="1">
      <alignment horizontal="center" vertical="center" wrapText="1"/>
    </xf>
    <xf numFmtId="0" fontId="10" fillId="0" borderId="15" xfId="1" applyFont="1" applyBorder="1" applyAlignment="1">
      <alignment horizontal="center" vertical="center" wrapText="1"/>
    </xf>
    <xf numFmtId="0" fontId="10" fillId="0" borderId="64" xfId="1" applyFont="1" applyBorder="1" applyAlignment="1">
      <alignment horizontal="center" vertical="center" wrapText="1"/>
    </xf>
    <xf numFmtId="0" fontId="9" fillId="0" borderId="55" xfId="1" applyFont="1" applyBorder="1" applyAlignment="1">
      <alignment horizontal="center" vertical="center" wrapText="1"/>
    </xf>
    <xf numFmtId="0" fontId="9" fillId="0" borderId="32" xfId="1" applyFont="1" applyBorder="1" applyAlignment="1">
      <alignment horizontal="center" vertical="center" wrapText="1"/>
    </xf>
    <xf numFmtId="0" fontId="9" fillId="0" borderId="31" xfId="1" applyFont="1" applyBorder="1" applyAlignment="1">
      <alignment horizontal="center" vertical="center" wrapText="1"/>
    </xf>
    <xf numFmtId="0" fontId="9" fillId="0" borderId="13" xfId="1" applyFont="1" applyBorder="1" applyAlignment="1">
      <alignment horizontal="center" vertical="center"/>
    </xf>
    <xf numFmtId="176" fontId="9" fillId="0" borderId="55" xfId="3" applyNumberFormat="1" applyFont="1" applyBorder="1" applyAlignment="1">
      <alignment horizontal="center" vertical="center" wrapText="1"/>
    </xf>
    <xf numFmtId="176" fontId="9" fillId="0" borderId="32" xfId="3" applyNumberFormat="1" applyFont="1" applyBorder="1" applyAlignment="1">
      <alignment horizontal="center" vertical="center" wrapText="1"/>
    </xf>
    <xf numFmtId="176" fontId="9" fillId="0" borderId="31" xfId="3" applyNumberFormat="1" applyFont="1" applyBorder="1" applyAlignment="1">
      <alignment horizontal="center" vertical="center" wrapText="1"/>
    </xf>
    <xf numFmtId="0" fontId="10" fillId="0" borderId="33" xfId="1" applyFont="1" applyBorder="1" applyAlignment="1">
      <alignment horizontal="center" vertical="center" wrapText="1" justifyLastLine="1"/>
    </xf>
    <xf numFmtId="0" fontId="10" fillId="0" borderId="39" xfId="1" applyFont="1" applyBorder="1" applyAlignment="1">
      <alignment horizontal="center" vertical="center" wrapText="1" justifyLastLine="1"/>
    </xf>
    <xf numFmtId="0" fontId="10" fillId="0" borderId="62" xfId="1" applyFont="1" applyBorder="1" applyAlignment="1">
      <alignment horizontal="center" vertical="center" wrapText="1" justifyLastLine="1"/>
    </xf>
    <xf numFmtId="0" fontId="10" fillId="0" borderId="26" xfId="1" applyFont="1" applyBorder="1" applyAlignment="1">
      <alignment horizontal="center" vertical="center" wrapText="1" justifyLastLine="1"/>
    </xf>
    <xf numFmtId="0" fontId="10" fillId="0" borderId="0" xfId="1" applyFont="1" applyBorder="1" applyAlignment="1">
      <alignment horizontal="center" vertical="center" wrapText="1" justifyLastLine="1"/>
    </xf>
    <xf numFmtId="0" fontId="10" fillId="0" borderId="34" xfId="1" applyFont="1" applyBorder="1" applyAlignment="1">
      <alignment horizontal="center" vertical="center" wrapText="1" justifyLastLine="1"/>
    </xf>
    <xf numFmtId="0" fontId="10" fillId="0" borderId="50" xfId="1" applyFont="1" applyBorder="1" applyAlignment="1">
      <alignment horizontal="center" vertical="center" wrapText="1" justifyLastLine="1"/>
    </xf>
    <xf numFmtId="0" fontId="10" fillId="0" borderId="8" xfId="1" applyFont="1" applyBorder="1" applyAlignment="1">
      <alignment horizontal="center" vertical="center" wrapText="1" justifyLastLine="1"/>
    </xf>
    <xf numFmtId="0" fontId="10" fillId="0" borderId="51" xfId="1" applyFont="1" applyBorder="1" applyAlignment="1">
      <alignment horizontal="center" vertical="center" wrapText="1" justifyLastLine="1"/>
    </xf>
    <xf numFmtId="0" fontId="8" fillId="0" borderId="35" xfId="1" applyFont="1" applyBorder="1" applyAlignment="1">
      <alignment horizontal="center" vertical="center" wrapText="1"/>
    </xf>
    <xf numFmtId="0" fontId="8" fillId="0" borderId="61" xfId="1" applyFont="1" applyBorder="1" applyAlignment="1">
      <alignment horizontal="center" vertical="center" wrapText="1"/>
    </xf>
    <xf numFmtId="0" fontId="8" fillId="0" borderId="70" xfId="1" applyFont="1" applyBorder="1" applyAlignment="1">
      <alignment horizontal="center" vertical="center" wrapText="1"/>
    </xf>
    <xf numFmtId="176" fontId="9" fillId="0" borderId="2" xfId="3" applyNumberFormat="1" applyFont="1" applyBorder="1" applyAlignment="1">
      <alignment horizontal="center" vertical="center" wrapText="1"/>
    </xf>
    <xf numFmtId="176" fontId="9" fillId="0" borderId="4" xfId="3" applyNumberFormat="1" applyFont="1" applyBorder="1" applyAlignment="1">
      <alignment horizontal="center" vertical="center" wrapText="1"/>
    </xf>
    <xf numFmtId="176" fontId="9" fillId="0" borderId="21" xfId="3" applyNumberFormat="1" applyFont="1" applyBorder="1" applyAlignment="1">
      <alignment horizontal="center" vertical="center" wrapText="1"/>
    </xf>
    <xf numFmtId="0" fontId="10" fillId="0" borderId="3" xfId="1" applyFont="1" applyBorder="1" applyAlignment="1">
      <alignment horizontal="center" vertical="center" wrapText="1"/>
    </xf>
    <xf numFmtId="0" fontId="10" fillId="0" borderId="11" xfId="1" applyFont="1" applyBorder="1" applyAlignment="1">
      <alignment horizontal="center" vertical="center" wrapText="1"/>
    </xf>
    <xf numFmtId="0" fontId="10" fillId="0" borderId="12" xfId="1" applyFont="1" applyBorder="1" applyAlignment="1">
      <alignment horizontal="center" vertical="center" wrapText="1"/>
    </xf>
    <xf numFmtId="0" fontId="10" fillId="0" borderId="40" xfId="1" applyFont="1" applyBorder="1" applyAlignment="1">
      <alignment horizontal="center" vertical="center" wrapText="1"/>
    </xf>
    <xf numFmtId="0" fontId="10" fillId="0" borderId="27" xfId="1" applyFont="1" applyBorder="1" applyAlignment="1">
      <alignment horizontal="center" vertical="center" wrapText="1"/>
    </xf>
    <xf numFmtId="0" fontId="14" fillId="0" borderId="2" xfId="1" applyFont="1" applyBorder="1" applyAlignment="1">
      <alignment horizontal="center" vertical="center" wrapText="1"/>
    </xf>
    <xf numFmtId="0" fontId="14" fillId="0" borderId="52" xfId="1" applyFont="1" applyBorder="1" applyAlignment="1">
      <alignment horizontal="center" vertical="center" wrapText="1"/>
    </xf>
    <xf numFmtId="0" fontId="14" fillId="0" borderId="4" xfId="1" applyFont="1" applyBorder="1" applyAlignment="1">
      <alignment horizontal="center" vertical="center" wrapText="1"/>
    </xf>
    <xf numFmtId="0" fontId="14" fillId="0" borderId="34" xfId="1" applyFont="1" applyBorder="1" applyAlignment="1">
      <alignment horizontal="center" vertical="center" wrapText="1"/>
    </xf>
    <xf numFmtId="0" fontId="14" fillId="0" borderId="21" xfId="1" applyFont="1" applyBorder="1" applyAlignment="1">
      <alignment horizontal="center" vertical="center" wrapText="1"/>
    </xf>
    <xf numFmtId="0" fontId="14" fillId="0" borderId="65" xfId="1" applyFont="1" applyBorder="1" applyAlignment="1">
      <alignment horizontal="center" vertical="center" wrapText="1"/>
    </xf>
    <xf numFmtId="0" fontId="9" fillId="0" borderId="32" xfId="0" applyFont="1" applyBorder="1" applyAlignment="1">
      <alignment horizontal="center" vertical="top" wrapText="1" shrinkToFit="1"/>
    </xf>
    <xf numFmtId="176" fontId="8" fillId="0" borderId="2" xfId="3" applyNumberFormat="1" applyFont="1" applyBorder="1" applyAlignment="1">
      <alignment horizontal="center" vertical="center" wrapText="1"/>
    </xf>
    <xf numFmtId="176" fontId="10" fillId="0" borderId="47" xfId="3" applyNumberFormat="1" applyFont="1" applyBorder="1" applyAlignment="1">
      <alignment horizontal="center" vertical="center" textRotation="255" wrapText="1"/>
    </xf>
    <xf numFmtId="176" fontId="10" fillId="0" borderId="25" xfId="3" applyNumberFormat="1" applyFont="1" applyBorder="1" applyAlignment="1">
      <alignment horizontal="center" vertical="center" textRotation="255" wrapText="1"/>
    </xf>
    <xf numFmtId="176" fontId="10" fillId="0" borderId="54" xfId="3" applyNumberFormat="1" applyFont="1" applyBorder="1" applyAlignment="1">
      <alignment horizontal="center" vertical="center" textRotation="255" wrapText="1"/>
    </xf>
  </cellXfs>
  <cellStyles count="8">
    <cellStyle name="桁区切り" xfId="7" builtinId="6"/>
    <cellStyle name="桁区切り 2" xfId="3" xr:uid="{00000000-0005-0000-0000-000002000000}"/>
    <cellStyle name="桁区切り 3" xfId="5" xr:uid="{00000000-0005-0000-0000-000003000000}"/>
    <cellStyle name="標準" xfId="0" builtinId="0"/>
    <cellStyle name="標準 2" xfId="1" xr:uid="{00000000-0005-0000-0000-000005000000}"/>
    <cellStyle name="標準 3" xfId="2" xr:uid="{00000000-0005-0000-0000-000006000000}"/>
    <cellStyle name="標準 4" xfId="4" xr:uid="{00000000-0005-0000-0000-000007000000}"/>
    <cellStyle name="標準 5" xfId="6" xr:uid="{00000000-0005-0000-0000-000008000000}"/>
  </cellStyles>
  <dxfs count="0"/>
  <tableStyles count="0" defaultTableStyle="TableStyleMedium9" defaultPivotStyle="PivotStyleLight16"/>
  <colors>
    <mruColors>
      <color rgb="FFFCD5B4"/>
      <color rgb="FFFF9933"/>
      <color rgb="FFE6B8B7"/>
      <color rgb="FFCCFFFF"/>
      <color rgb="FFFFCC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13" Type="http://schemas.openxmlformats.org/officeDocument/2006/relationships/image" Target="../media/image13.png"/><Relationship Id="rId18" Type="http://schemas.openxmlformats.org/officeDocument/2006/relationships/image" Target="../media/image18.png"/><Relationship Id="rId26" Type="http://schemas.openxmlformats.org/officeDocument/2006/relationships/image" Target="../media/image26.png"/><Relationship Id="rId3" Type="http://schemas.openxmlformats.org/officeDocument/2006/relationships/image" Target="../media/image3.png"/><Relationship Id="rId21" Type="http://schemas.openxmlformats.org/officeDocument/2006/relationships/image" Target="../media/image21.png"/><Relationship Id="rId7" Type="http://schemas.openxmlformats.org/officeDocument/2006/relationships/image" Target="../media/image7.png"/><Relationship Id="rId12" Type="http://schemas.openxmlformats.org/officeDocument/2006/relationships/image" Target="../media/image12.png"/><Relationship Id="rId17" Type="http://schemas.openxmlformats.org/officeDocument/2006/relationships/image" Target="../media/image17.png"/><Relationship Id="rId25" Type="http://schemas.openxmlformats.org/officeDocument/2006/relationships/image" Target="../media/image25.png"/><Relationship Id="rId2" Type="http://schemas.openxmlformats.org/officeDocument/2006/relationships/image" Target="../media/image2.png"/><Relationship Id="rId16" Type="http://schemas.openxmlformats.org/officeDocument/2006/relationships/image" Target="../media/image16.png"/><Relationship Id="rId20" Type="http://schemas.openxmlformats.org/officeDocument/2006/relationships/image" Target="../media/image20.png"/><Relationship Id="rId29" Type="http://schemas.openxmlformats.org/officeDocument/2006/relationships/image" Target="../media/image29.emf"/><Relationship Id="rId1" Type="http://schemas.openxmlformats.org/officeDocument/2006/relationships/image" Target="../media/image1.png"/><Relationship Id="rId6" Type="http://schemas.openxmlformats.org/officeDocument/2006/relationships/image" Target="../media/image6.png"/><Relationship Id="rId11" Type="http://schemas.openxmlformats.org/officeDocument/2006/relationships/image" Target="../media/image11.png"/><Relationship Id="rId24" Type="http://schemas.openxmlformats.org/officeDocument/2006/relationships/image" Target="../media/image24.png"/><Relationship Id="rId32" Type="http://schemas.openxmlformats.org/officeDocument/2006/relationships/image" Target="../media/image32.png"/><Relationship Id="rId5" Type="http://schemas.openxmlformats.org/officeDocument/2006/relationships/image" Target="../media/image5.png"/><Relationship Id="rId15" Type="http://schemas.openxmlformats.org/officeDocument/2006/relationships/image" Target="../media/image15.png"/><Relationship Id="rId23" Type="http://schemas.openxmlformats.org/officeDocument/2006/relationships/image" Target="../media/image23.png"/><Relationship Id="rId28" Type="http://schemas.openxmlformats.org/officeDocument/2006/relationships/image" Target="../media/image28.png"/><Relationship Id="rId10" Type="http://schemas.openxmlformats.org/officeDocument/2006/relationships/image" Target="../media/image10.png"/><Relationship Id="rId19" Type="http://schemas.openxmlformats.org/officeDocument/2006/relationships/image" Target="../media/image19.png"/><Relationship Id="rId31" Type="http://schemas.openxmlformats.org/officeDocument/2006/relationships/image" Target="../media/image31.png"/><Relationship Id="rId4" Type="http://schemas.openxmlformats.org/officeDocument/2006/relationships/image" Target="../media/image4.png"/><Relationship Id="rId9" Type="http://schemas.openxmlformats.org/officeDocument/2006/relationships/image" Target="../media/image9.png"/><Relationship Id="rId14" Type="http://schemas.openxmlformats.org/officeDocument/2006/relationships/image" Target="../media/image14.png"/><Relationship Id="rId22" Type="http://schemas.openxmlformats.org/officeDocument/2006/relationships/image" Target="../media/image22.png"/><Relationship Id="rId27" Type="http://schemas.openxmlformats.org/officeDocument/2006/relationships/image" Target="../media/image27.png"/><Relationship Id="rId30" Type="http://schemas.openxmlformats.org/officeDocument/2006/relationships/image" Target="../media/image30.png"/></Relationships>
</file>

<file path=xl/drawings/drawing1.xml><?xml version="1.0" encoding="utf-8"?>
<xdr:wsDr xmlns:xdr="http://schemas.openxmlformats.org/drawingml/2006/spreadsheetDrawing" xmlns:a="http://schemas.openxmlformats.org/drawingml/2006/main">
  <xdr:twoCellAnchor>
    <xdr:from>
      <xdr:col>21</xdr:col>
      <xdr:colOff>163286</xdr:colOff>
      <xdr:row>0</xdr:row>
      <xdr:rowOff>134914</xdr:rowOff>
    </xdr:from>
    <xdr:to>
      <xdr:col>22</xdr:col>
      <xdr:colOff>1247856</xdr:colOff>
      <xdr:row>0</xdr:row>
      <xdr:rowOff>503464</xdr:rowOff>
    </xdr:to>
    <xdr:sp macro="" textlink="">
      <xdr:nvSpPr>
        <xdr:cNvPr id="18" name="テキスト ボックス 17">
          <a:extLst>
            <a:ext uri="{FF2B5EF4-FFF2-40B4-BE49-F238E27FC236}">
              <a16:creationId xmlns:a16="http://schemas.microsoft.com/office/drawing/2014/main" id="{72424261-7916-4130-BCF3-AE10A95379ED}"/>
            </a:ext>
          </a:extLst>
        </xdr:cNvPr>
        <xdr:cNvSpPr txBox="1"/>
      </xdr:nvSpPr>
      <xdr:spPr>
        <a:xfrm>
          <a:off x="19086286" y="134914"/>
          <a:ext cx="1598920" cy="3685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kumimoji="1" lang="ja-JP" altLang="en-US" sz="1600">
              <a:latin typeface="ＭＳ ゴシック" pitchFamily="49" charset="-128"/>
              <a:ea typeface="ＭＳ ゴシック" pitchFamily="49" charset="-128"/>
            </a:rPr>
            <a:t>単位：円（税込</a:t>
          </a:r>
          <a:r>
            <a:rPr kumimoji="1" lang="en-US" altLang="ja-JP" sz="1600">
              <a:latin typeface="ＭＳ ゴシック" pitchFamily="49" charset="-128"/>
              <a:ea typeface="ＭＳ ゴシック" pitchFamily="49" charset="-128"/>
            </a:rPr>
            <a:t>10</a:t>
          </a:r>
          <a:r>
            <a:rPr kumimoji="1" lang="ja-JP" altLang="en-US" sz="1600">
              <a:latin typeface="ＭＳ ゴシック" pitchFamily="49" charset="-128"/>
              <a:ea typeface="ＭＳ ゴシック" pitchFamily="49" charset="-128"/>
            </a:rPr>
            <a:t>％）</a:t>
          </a:r>
        </a:p>
      </xdr:txBody>
    </xdr:sp>
    <xdr:clientData/>
  </xdr:twoCellAnchor>
  <xdr:twoCellAnchor>
    <xdr:from>
      <xdr:col>21</xdr:col>
      <xdr:colOff>163286</xdr:colOff>
      <xdr:row>0</xdr:row>
      <xdr:rowOff>134914</xdr:rowOff>
    </xdr:from>
    <xdr:to>
      <xdr:col>23</xdr:col>
      <xdr:colOff>1247856</xdr:colOff>
      <xdr:row>0</xdr:row>
      <xdr:rowOff>503464</xdr:rowOff>
    </xdr:to>
    <xdr:sp macro="" textlink="">
      <xdr:nvSpPr>
        <xdr:cNvPr id="20" name="テキスト ボックス 19">
          <a:extLst>
            <a:ext uri="{FF2B5EF4-FFF2-40B4-BE49-F238E27FC236}">
              <a16:creationId xmlns:a16="http://schemas.microsoft.com/office/drawing/2014/main" id="{F457F26E-B1BE-47ED-BE21-74E9F58EE924}"/>
            </a:ext>
          </a:extLst>
        </xdr:cNvPr>
        <xdr:cNvSpPr txBox="1"/>
      </xdr:nvSpPr>
      <xdr:spPr>
        <a:xfrm>
          <a:off x="19086286" y="134914"/>
          <a:ext cx="2481570" cy="3685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kumimoji="1" lang="ja-JP" altLang="en-US" sz="1600">
              <a:latin typeface="ＭＳ ゴシック" pitchFamily="49" charset="-128"/>
              <a:ea typeface="ＭＳ ゴシック" pitchFamily="49" charset="-128"/>
            </a:rPr>
            <a:t>単位：円（税込</a:t>
          </a:r>
          <a:r>
            <a:rPr kumimoji="1" lang="en-US" altLang="ja-JP" sz="1600">
              <a:latin typeface="ＭＳ ゴシック" pitchFamily="49" charset="-128"/>
              <a:ea typeface="ＭＳ ゴシック" pitchFamily="49" charset="-128"/>
            </a:rPr>
            <a:t>10</a:t>
          </a:r>
          <a:r>
            <a:rPr kumimoji="1" lang="ja-JP" altLang="en-US" sz="1600">
              <a:latin typeface="ＭＳ ゴシック" pitchFamily="49" charset="-128"/>
              <a:ea typeface="ＭＳ ゴシック" pitchFamily="49" charset="-128"/>
            </a:rPr>
            <a:t>％）</a:t>
          </a:r>
        </a:p>
      </xdr:txBody>
    </xdr:sp>
    <xdr:clientData/>
  </xdr:twoCellAnchor>
  <xdr:twoCellAnchor editAs="oneCell">
    <xdr:from>
      <xdr:col>8</xdr:col>
      <xdr:colOff>79375</xdr:colOff>
      <xdr:row>9</xdr:row>
      <xdr:rowOff>95250</xdr:rowOff>
    </xdr:from>
    <xdr:to>
      <xdr:col>8</xdr:col>
      <xdr:colOff>996485</xdr:colOff>
      <xdr:row>9</xdr:row>
      <xdr:rowOff>1024040</xdr:rowOff>
    </xdr:to>
    <xdr:pic>
      <xdr:nvPicPr>
        <xdr:cNvPr id="57" name="図 56">
          <a:extLst>
            <a:ext uri="{FF2B5EF4-FFF2-40B4-BE49-F238E27FC236}">
              <a16:creationId xmlns:a16="http://schemas.microsoft.com/office/drawing/2014/main" id="{83FF52FF-93CC-452B-9750-A977EAC41F04}"/>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509875" y="2825750"/>
          <a:ext cx="917110" cy="9287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278868</xdr:colOff>
      <xdr:row>10</xdr:row>
      <xdr:rowOff>27273</xdr:rowOff>
    </xdr:from>
    <xdr:to>
      <xdr:col>8</xdr:col>
      <xdr:colOff>2171189</xdr:colOff>
      <xdr:row>10</xdr:row>
      <xdr:rowOff>929689</xdr:rowOff>
    </xdr:to>
    <xdr:pic>
      <xdr:nvPicPr>
        <xdr:cNvPr id="58" name="図 57">
          <a:extLst>
            <a:ext uri="{FF2B5EF4-FFF2-40B4-BE49-F238E27FC236}">
              <a16:creationId xmlns:a16="http://schemas.microsoft.com/office/drawing/2014/main" id="{058FFD83-AD89-48D5-9C45-1F6F1EAD0DAB}"/>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6703595" y="3929637"/>
          <a:ext cx="892321" cy="90241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56696</xdr:colOff>
      <xdr:row>11</xdr:row>
      <xdr:rowOff>207097</xdr:rowOff>
    </xdr:from>
    <xdr:to>
      <xdr:col>8</xdr:col>
      <xdr:colOff>936624</xdr:colOff>
      <xdr:row>11</xdr:row>
      <xdr:rowOff>1093193</xdr:rowOff>
    </xdr:to>
    <xdr:pic>
      <xdr:nvPicPr>
        <xdr:cNvPr id="59" name="図 58">
          <a:extLst>
            <a:ext uri="{FF2B5EF4-FFF2-40B4-BE49-F238E27FC236}">
              <a16:creationId xmlns:a16="http://schemas.microsoft.com/office/drawing/2014/main" id="{6EE74C7F-C03A-40B9-BBF5-A234A83F053A}"/>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5487196" y="4842597"/>
          <a:ext cx="879928" cy="88609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64427</xdr:colOff>
      <xdr:row>12</xdr:row>
      <xdr:rowOff>34544</xdr:rowOff>
    </xdr:from>
    <xdr:to>
      <xdr:col>8</xdr:col>
      <xdr:colOff>2256749</xdr:colOff>
      <xdr:row>12</xdr:row>
      <xdr:rowOff>945995</xdr:rowOff>
    </xdr:to>
    <xdr:pic>
      <xdr:nvPicPr>
        <xdr:cNvPr id="60" name="図 59">
          <a:extLst>
            <a:ext uri="{FF2B5EF4-FFF2-40B4-BE49-F238E27FC236}">
              <a16:creationId xmlns:a16="http://schemas.microsoft.com/office/drawing/2014/main" id="{3BB2BC55-F9C9-4208-8814-4E30989F2ECB}"/>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6789154" y="6165180"/>
          <a:ext cx="892322" cy="91145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09477</xdr:colOff>
      <xdr:row>13</xdr:row>
      <xdr:rowOff>50121</xdr:rowOff>
    </xdr:from>
    <xdr:to>
      <xdr:col>8</xdr:col>
      <xdr:colOff>989404</xdr:colOff>
      <xdr:row>13</xdr:row>
      <xdr:rowOff>945745</xdr:rowOff>
    </xdr:to>
    <xdr:pic>
      <xdr:nvPicPr>
        <xdr:cNvPr id="61" name="図 60">
          <a:extLst>
            <a:ext uri="{FF2B5EF4-FFF2-40B4-BE49-F238E27FC236}">
              <a16:creationId xmlns:a16="http://schemas.microsoft.com/office/drawing/2014/main" id="{7C2F7D0A-DF81-41C4-81B1-46B6E85D4CCC}"/>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15534204" y="7139030"/>
          <a:ext cx="879927" cy="8956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45047</xdr:colOff>
      <xdr:row>14</xdr:row>
      <xdr:rowOff>196273</xdr:rowOff>
    </xdr:from>
    <xdr:to>
      <xdr:col>8</xdr:col>
      <xdr:colOff>2216126</xdr:colOff>
      <xdr:row>14</xdr:row>
      <xdr:rowOff>1080300</xdr:rowOff>
    </xdr:to>
    <xdr:pic>
      <xdr:nvPicPr>
        <xdr:cNvPr id="63" name="図 62">
          <a:extLst>
            <a:ext uri="{FF2B5EF4-FFF2-40B4-BE49-F238E27FC236}">
              <a16:creationId xmlns:a16="http://schemas.microsoft.com/office/drawing/2014/main" id="{6832A4DE-A991-4525-BE55-0971F2400FCB}"/>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16769774" y="7908637"/>
          <a:ext cx="871079" cy="88402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27000</xdr:colOff>
      <xdr:row>16</xdr:row>
      <xdr:rowOff>230277</xdr:rowOff>
    </xdr:from>
    <xdr:to>
      <xdr:col>8</xdr:col>
      <xdr:colOff>982142</xdr:colOff>
      <xdr:row>16</xdr:row>
      <xdr:rowOff>1107426</xdr:rowOff>
    </xdr:to>
    <xdr:pic>
      <xdr:nvPicPr>
        <xdr:cNvPr id="64" name="図 63">
          <a:extLst>
            <a:ext uri="{FF2B5EF4-FFF2-40B4-BE49-F238E27FC236}">
              <a16:creationId xmlns:a16="http://schemas.microsoft.com/office/drawing/2014/main" id="{23744AFB-A134-40B2-A582-94CBEACB9327}"/>
            </a:ext>
          </a:extLst>
        </xdr:cNvPr>
        <xdr:cNvPicPr>
          <a:picLocks noChangeAspect="1"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15551727" y="9928459"/>
          <a:ext cx="855142" cy="8771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63189</xdr:colOff>
      <xdr:row>18</xdr:row>
      <xdr:rowOff>626160</xdr:rowOff>
    </xdr:from>
    <xdr:to>
      <xdr:col>8</xdr:col>
      <xdr:colOff>2218331</xdr:colOff>
      <xdr:row>18</xdr:row>
      <xdr:rowOff>1500103</xdr:rowOff>
    </xdr:to>
    <xdr:pic>
      <xdr:nvPicPr>
        <xdr:cNvPr id="65" name="図 64">
          <a:extLst>
            <a:ext uri="{FF2B5EF4-FFF2-40B4-BE49-F238E27FC236}">
              <a16:creationId xmlns:a16="http://schemas.microsoft.com/office/drawing/2014/main" id="{19C3D2D9-4BEE-4DBB-9BFE-0E27E82CC325}"/>
            </a:ext>
          </a:extLst>
        </xdr:cNvPr>
        <xdr:cNvPicPr>
          <a:picLocks noChangeAspect="1" noChangeArrowheads="1"/>
        </xdr:cNvPicPr>
      </xdr:nvPicPr>
      <xdr:blipFill>
        <a:blip xmlns:r="http://schemas.openxmlformats.org/officeDocument/2006/relationships" r:embed="rId8" cstate="print">
          <a:extLst>
            <a:ext uri="{28A0092B-C50C-407E-A947-70E740481C1C}">
              <a14:useLocalDpi xmlns:a14="http://schemas.microsoft.com/office/drawing/2010/main" val="0"/>
            </a:ext>
          </a:extLst>
        </a:blip>
        <a:srcRect/>
        <a:stretch>
          <a:fillRect/>
        </a:stretch>
      </xdr:blipFill>
      <xdr:spPr bwMode="auto">
        <a:xfrm>
          <a:off x="16787916" y="12483342"/>
          <a:ext cx="855142" cy="87394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92366</xdr:colOff>
      <xdr:row>19</xdr:row>
      <xdr:rowOff>60432</xdr:rowOff>
    </xdr:from>
    <xdr:to>
      <xdr:col>8</xdr:col>
      <xdr:colOff>947506</xdr:colOff>
      <xdr:row>19</xdr:row>
      <xdr:rowOff>934365</xdr:rowOff>
    </xdr:to>
    <xdr:pic>
      <xdr:nvPicPr>
        <xdr:cNvPr id="66" name="図 65">
          <a:extLst>
            <a:ext uri="{FF2B5EF4-FFF2-40B4-BE49-F238E27FC236}">
              <a16:creationId xmlns:a16="http://schemas.microsoft.com/office/drawing/2014/main" id="{9A40FC94-A5AC-485D-8D71-9EA4077E6C50}"/>
            </a:ext>
          </a:extLst>
        </xdr:cNvPr>
        <xdr:cNvPicPr>
          <a:picLocks noChangeAspect="1" noChangeArrowheads="1"/>
        </xdr:cNvPicPr>
      </xdr:nvPicPr>
      <xdr:blipFill>
        <a:blip xmlns:r="http://schemas.openxmlformats.org/officeDocument/2006/relationships" r:embed="rId9" cstate="print">
          <a:extLst>
            <a:ext uri="{28A0092B-C50C-407E-A947-70E740481C1C}">
              <a14:useLocalDpi xmlns:a14="http://schemas.microsoft.com/office/drawing/2010/main" val="0"/>
            </a:ext>
          </a:extLst>
        </a:blip>
        <a:srcRect/>
        <a:stretch>
          <a:fillRect/>
        </a:stretch>
      </xdr:blipFill>
      <xdr:spPr bwMode="auto">
        <a:xfrm>
          <a:off x="15517093" y="14330614"/>
          <a:ext cx="855140" cy="87393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15454</xdr:colOff>
      <xdr:row>24</xdr:row>
      <xdr:rowOff>46182</xdr:rowOff>
    </xdr:from>
    <xdr:to>
      <xdr:col>8</xdr:col>
      <xdr:colOff>989162</xdr:colOff>
      <xdr:row>24</xdr:row>
      <xdr:rowOff>942604</xdr:rowOff>
    </xdr:to>
    <xdr:pic>
      <xdr:nvPicPr>
        <xdr:cNvPr id="67" name="図 66">
          <a:extLst>
            <a:ext uri="{FF2B5EF4-FFF2-40B4-BE49-F238E27FC236}">
              <a16:creationId xmlns:a16="http://schemas.microsoft.com/office/drawing/2014/main" id="{E79EB34F-749D-47B2-984F-A4E17AF937CC}"/>
            </a:ext>
          </a:extLst>
        </xdr:cNvPr>
        <xdr:cNvPicPr>
          <a:picLocks noChangeAspect="1" noChangeArrowheads="1"/>
        </xdr:cNvPicPr>
      </xdr:nvPicPr>
      <xdr:blipFill>
        <a:blip xmlns:r="http://schemas.openxmlformats.org/officeDocument/2006/relationships" r:embed="rId10" cstate="print">
          <a:extLst>
            <a:ext uri="{28A0092B-C50C-407E-A947-70E740481C1C}">
              <a14:useLocalDpi xmlns:a14="http://schemas.microsoft.com/office/drawing/2010/main" val="0"/>
            </a:ext>
          </a:extLst>
        </a:blip>
        <a:srcRect/>
        <a:stretch>
          <a:fillRect/>
        </a:stretch>
      </xdr:blipFill>
      <xdr:spPr bwMode="auto">
        <a:xfrm>
          <a:off x="15540181" y="18322637"/>
          <a:ext cx="873708" cy="89642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92051</xdr:colOff>
      <xdr:row>27</xdr:row>
      <xdr:rowOff>49754</xdr:rowOff>
    </xdr:from>
    <xdr:to>
      <xdr:col>8</xdr:col>
      <xdr:colOff>2259586</xdr:colOff>
      <xdr:row>27</xdr:row>
      <xdr:rowOff>924607</xdr:rowOff>
    </xdr:to>
    <xdr:pic>
      <xdr:nvPicPr>
        <xdr:cNvPr id="68" name="図 67">
          <a:extLst>
            <a:ext uri="{FF2B5EF4-FFF2-40B4-BE49-F238E27FC236}">
              <a16:creationId xmlns:a16="http://schemas.microsoft.com/office/drawing/2014/main" id="{E5ED7E6F-6A30-419B-995F-C1CBD0162B1C}"/>
            </a:ext>
          </a:extLst>
        </xdr:cNvPr>
        <xdr:cNvPicPr>
          <a:picLocks noChangeAspect="1" noChangeArrowheads="1"/>
        </xdr:cNvPicPr>
      </xdr:nvPicPr>
      <xdr:blipFill>
        <a:blip xmlns:r="http://schemas.openxmlformats.org/officeDocument/2006/relationships" r:embed="rId11" cstate="print">
          <a:extLst>
            <a:ext uri="{28A0092B-C50C-407E-A947-70E740481C1C}">
              <a14:useLocalDpi xmlns:a14="http://schemas.microsoft.com/office/drawing/2010/main" val="0"/>
            </a:ext>
          </a:extLst>
        </a:blip>
        <a:srcRect/>
        <a:stretch>
          <a:fillRect/>
        </a:stretch>
      </xdr:blipFill>
      <xdr:spPr bwMode="auto">
        <a:xfrm>
          <a:off x="16816778" y="20808481"/>
          <a:ext cx="867535" cy="87485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80819</xdr:colOff>
      <xdr:row>30</xdr:row>
      <xdr:rowOff>889000</xdr:rowOff>
    </xdr:from>
    <xdr:to>
      <xdr:col>8</xdr:col>
      <xdr:colOff>973141</xdr:colOff>
      <xdr:row>30</xdr:row>
      <xdr:rowOff>1803616</xdr:rowOff>
    </xdr:to>
    <xdr:pic>
      <xdr:nvPicPr>
        <xdr:cNvPr id="69" name="図 68">
          <a:extLst>
            <a:ext uri="{FF2B5EF4-FFF2-40B4-BE49-F238E27FC236}">
              <a16:creationId xmlns:a16="http://schemas.microsoft.com/office/drawing/2014/main" id="{68529D82-C1B6-43EE-BC4A-15AFE4A05061}"/>
            </a:ext>
          </a:extLst>
        </xdr:cNvPr>
        <xdr:cNvPicPr>
          <a:picLocks noChangeAspect="1" noChangeArrowheads="1"/>
        </xdr:cNvPicPr>
      </xdr:nvPicPr>
      <xdr:blipFill>
        <a:blip xmlns:r="http://schemas.openxmlformats.org/officeDocument/2006/relationships" r:embed="rId12" cstate="print">
          <a:extLst>
            <a:ext uri="{28A0092B-C50C-407E-A947-70E740481C1C}">
              <a14:useLocalDpi xmlns:a14="http://schemas.microsoft.com/office/drawing/2010/main" val="0"/>
            </a:ext>
          </a:extLst>
        </a:blip>
        <a:srcRect/>
        <a:stretch>
          <a:fillRect/>
        </a:stretch>
      </xdr:blipFill>
      <xdr:spPr bwMode="auto">
        <a:xfrm>
          <a:off x="15505546" y="23160182"/>
          <a:ext cx="892322" cy="91461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57416</xdr:colOff>
      <xdr:row>31</xdr:row>
      <xdr:rowOff>450273</xdr:rowOff>
    </xdr:from>
    <xdr:to>
      <xdr:col>8</xdr:col>
      <xdr:colOff>2237344</xdr:colOff>
      <xdr:row>31</xdr:row>
      <xdr:rowOff>1345654</xdr:rowOff>
    </xdr:to>
    <xdr:pic>
      <xdr:nvPicPr>
        <xdr:cNvPr id="70" name="図 69">
          <a:extLst>
            <a:ext uri="{FF2B5EF4-FFF2-40B4-BE49-F238E27FC236}">
              <a16:creationId xmlns:a16="http://schemas.microsoft.com/office/drawing/2014/main" id="{565EF633-93F7-498B-B48D-FD0F2611CF02}"/>
            </a:ext>
          </a:extLst>
        </xdr:cNvPr>
        <xdr:cNvPicPr>
          <a:picLocks noChangeAspect="1" noChangeArrowheads="1"/>
        </xdr:cNvPicPr>
      </xdr:nvPicPr>
      <xdr:blipFill>
        <a:blip xmlns:r="http://schemas.openxmlformats.org/officeDocument/2006/relationships" r:embed="rId13" cstate="print">
          <a:extLst>
            <a:ext uri="{28A0092B-C50C-407E-A947-70E740481C1C}">
              <a14:useLocalDpi xmlns:a14="http://schemas.microsoft.com/office/drawing/2010/main" val="0"/>
            </a:ext>
          </a:extLst>
        </a:blip>
        <a:srcRect/>
        <a:stretch>
          <a:fillRect/>
        </a:stretch>
      </xdr:blipFill>
      <xdr:spPr bwMode="auto">
        <a:xfrm>
          <a:off x="16782143" y="25515455"/>
          <a:ext cx="879928" cy="89538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27000</xdr:colOff>
      <xdr:row>33</xdr:row>
      <xdr:rowOff>245734</xdr:rowOff>
    </xdr:from>
    <xdr:to>
      <xdr:col>8</xdr:col>
      <xdr:colOff>982141</xdr:colOff>
      <xdr:row>33</xdr:row>
      <xdr:rowOff>1119647</xdr:rowOff>
    </xdr:to>
    <xdr:pic>
      <xdr:nvPicPr>
        <xdr:cNvPr id="71" name="図 70">
          <a:extLst>
            <a:ext uri="{FF2B5EF4-FFF2-40B4-BE49-F238E27FC236}">
              <a16:creationId xmlns:a16="http://schemas.microsoft.com/office/drawing/2014/main" id="{5F44C072-3E7C-460E-99A0-B4F1B58FEBDF}"/>
            </a:ext>
          </a:extLst>
        </xdr:cNvPr>
        <xdr:cNvPicPr>
          <a:picLocks noChangeAspect="1" noChangeArrowheads="1"/>
        </xdr:cNvPicPr>
      </xdr:nvPicPr>
      <xdr:blipFill>
        <a:blip xmlns:r="http://schemas.openxmlformats.org/officeDocument/2006/relationships" r:embed="rId14" cstate="print">
          <a:extLst>
            <a:ext uri="{28A0092B-C50C-407E-A947-70E740481C1C}">
              <a14:useLocalDpi xmlns:a14="http://schemas.microsoft.com/office/drawing/2010/main" val="0"/>
            </a:ext>
          </a:extLst>
        </a:blip>
        <a:srcRect/>
        <a:stretch>
          <a:fillRect/>
        </a:stretch>
      </xdr:blipFill>
      <xdr:spPr bwMode="auto">
        <a:xfrm>
          <a:off x="15551727" y="27850916"/>
          <a:ext cx="855141" cy="8739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70611</xdr:colOff>
      <xdr:row>36</xdr:row>
      <xdr:rowOff>36198</xdr:rowOff>
    </xdr:from>
    <xdr:to>
      <xdr:col>8</xdr:col>
      <xdr:colOff>2250538</xdr:colOff>
      <xdr:row>36</xdr:row>
      <xdr:rowOff>934982</xdr:rowOff>
    </xdr:to>
    <xdr:pic>
      <xdr:nvPicPr>
        <xdr:cNvPr id="72" name="図 71">
          <a:extLst>
            <a:ext uri="{FF2B5EF4-FFF2-40B4-BE49-F238E27FC236}">
              <a16:creationId xmlns:a16="http://schemas.microsoft.com/office/drawing/2014/main" id="{CF57AD91-A867-4448-A726-B616AD643344}"/>
            </a:ext>
          </a:extLst>
        </xdr:cNvPr>
        <xdr:cNvPicPr>
          <a:picLocks noChangeAspect="1" noChangeArrowheads="1"/>
        </xdr:cNvPicPr>
      </xdr:nvPicPr>
      <xdr:blipFill>
        <a:blip xmlns:r="http://schemas.openxmlformats.org/officeDocument/2006/relationships" r:embed="rId15" cstate="print">
          <a:extLst>
            <a:ext uri="{28A0092B-C50C-407E-A947-70E740481C1C}">
              <a14:useLocalDpi xmlns:a14="http://schemas.microsoft.com/office/drawing/2010/main" val="0"/>
            </a:ext>
          </a:extLst>
        </a:blip>
        <a:srcRect/>
        <a:stretch>
          <a:fillRect/>
        </a:stretch>
      </xdr:blipFill>
      <xdr:spPr bwMode="auto">
        <a:xfrm>
          <a:off x="16795338" y="31532198"/>
          <a:ext cx="879927" cy="89878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01437</xdr:colOff>
      <xdr:row>38</xdr:row>
      <xdr:rowOff>808182</xdr:rowOff>
    </xdr:from>
    <xdr:to>
      <xdr:col>8</xdr:col>
      <xdr:colOff>994808</xdr:colOff>
      <xdr:row>38</xdr:row>
      <xdr:rowOff>1716994</xdr:rowOff>
    </xdr:to>
    <xdr:pic>
      <xdr:nvPicPr>
        <xdr:cNvPr id="73" name="図 72">
          <a:extLst>
            <a:ext uri="{FF2B5EF4-FFF2-40B4-BE49-F238E27FC236}">
              <a16:creationId xmlns:a16="http://schemas.microsoft.com/office/drawing/2014/main" id="{005EA69A-47E6-4FBA-B607-E3875810299B}"/>
            </a:ext>
          </a:extLst>
        </xdr:cNvPr>
        <xdr:cNvPicPr>
          <a:picLocks noChangeAspect="1" noChangeArrowheads="1"/>
        </xdr:cNvPicPr>
      </xdr:nvPicPr>
      <xdr:blipFill>
        <a:blip xmlns:r="http://schemas.openxmlformats.org/officeDocument/2006/relationships" r:embed="rId16" cstate="print">
          <a:extLst>
            <a:ext uri="{28A0092B-C50C-407E-A947-70E740481C1C}">
              <a14:useLocalDpi xmlns:a14="http://schemas.microsoft.com/office/drawing/2010/main" val="0"/>
            </a:ext>
          </a:extLst>
        </a:blip>
        <a:srcRect/>
        <a:stretch>
          <a:fillRect/>
        </a:stretch>
      </xdr:blipFill>
      <xdr:spPr bwMode="auto">
        <a:xfrm>
          <a:off x="15526164" y="32858364"/>
          <a:ext cx="893371" cy="90881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63188</xdr:colOff>
      <xdr:row>39</xdr:row>
      <xdr:rowOff>202839</xdr:rowOff>
    </xdr:from>
    <xdr:to>
      <xdr:col>8</xdr:col>
      <xdr:colOff>2218329</xdr:colOff>
      <xdr:row>39</xdr:row>
      <xdr:rowOff>1068688</xdr:rowOff>
    </xdr:to>
    <xdr:pic>
      <xdr:nvPicPr>
        <xdr:cNvPr id="74" name="図 73">
          <a:extLst>
            <a:ext uri="{FF2B5EF4-FFF2-40B4-BE49-F238E27FC236}">
              <a16:creationId xmlns:a16="http://schemas.microsoft.com/office/drawing/2014/main" id="{CEC52FEE-4B18-43D9-8144-3DB46D3C405A}"/>
            </a:ext>
          </a:extLst>
        </xdr:cNvPr>
        <xdr:cNvPicPr>
          <a:picLocks noChangeAspect="1" noChangeArrowheads="1"/>
        </xdr:cNvPicPr>
      </xdr:nvPicPr>
      <xdr:blipFill>
        <a:blip xmlns:r="http://schemas.openxmlformats.org/officeDocument/2006/relationships" r:embed="rId17" cstate="print">
          <a:extLst>
            <a:ext uri="{28A0092B-C50C-407E-A947-70E740481C1C}">
              <a14:useLocalDpi xmlns:a14="http://schemas.microsoft.com/office/drawing/2010/main" val="0"/>
            </a:ext>
          </a:extLst>
        </a:blip>
        <a:srcRect/>
        <a:stretch>
          <a:fillRect/>
        </a:stretch>
      </xdr:blipFill>
      <xdr:spPr bwMode="auto">
        <a:xfrm>
          <a:off x="16787915" y="35047021"/>
          <a:ext cx="855141" cy="8658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92364</xdr:colOff>
      <xdr:row>41</xdr:row>
      <xdr:rowOff>53672</xdr:rowOff>
    </xdr:from>
    <xdr:to>
      <xdr:col>8</xdr:col>
      <xdr:colOff>945565</xdr:colOff>
      <xdr:row>41</xdr:row>
      <xdr:rowOff>925309</xdr:rowOff>
    </xdr:to>
    <xdr:pic>
      <xdr:nvPicPr>
        <xdr:cNvPr id="75" name="図 74">
          <a:extLst>
            <a:ext uri="{FF2B5EF4-FFF2-40B4-BE49-F238E27FC236}">
              <a16:creationId xmlns:a16="http://schemas.microsoft.com/office/drawing/2014/main" id="{F8EF6458-A85D-4D86-B3C5-DF8CF27938B0}"/>
            </a:ext>
          </a:extLst>
        </xdr:cNvPr>
        <xdr:cNvPicPr>
          <a:picLocks noChangeAspect="1" noChangeArrowheads="1"/>
        </xdr:cNvPicPr>
      </xdr:nvPicPr>
      <xdr:blipFill>
        <a:blip xmlns:r="http://schemas.openxmlformats.org/officeDocument/2006/relationships" r:embed="rId18" cstate="print">
          <a:extLst>
            <a:ext uri="{28A0092B-C50C-407E-A947-70E740481C1C}">
              <a14:useLocalDpi xmlns:a14="http://schemas.microsoft.com/office/drawing/2010/main" val="0"/>
            </a:ext>
          </a:extLst>
        </a:blip>
        <a:srcRect/>
        <a:stretch>
          <a:fillRect/>
        </a:stretch>
      </xdr:blipFill>
      <xdr:spPr bwMode="auto">
        <a:xfrm>
          <a:off x="15517091" y="39365945"/>
          <a:ext cx="853201" cy="87163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87415</xdr:colOff>
      <xdr:row>45</xdr:row>
      <xdr:rowOff>46182</xdr:rowOff>
    </xdr:from>
    <xdr:to>
      <xdr:col>8</xdr:col>
      <xdr:colOff>954950</xdr:colOff>
      <xdr:row>45</xdr:row>
      <xdr:rowOff>939948</xdr:rowOff>
    </xdr:to>
    <xdr:pic>
      <xdr:nvPicPr>
        <xdr:cNvPr id="76" name="図 75">
          <a:extLst>
            <a:ext uri="{FF2B5EF4-FFF2-40B4-BE49-F238E27FC236}">
              <a16:creationId xmlns:a16="http://schemas.microsoft.com/office/drawing/2014/main" id="{D8C4EF09-1E95-45D4-934D-2A214E320DE2}"/>
            </a:ext>
          </a:extLst>
        </xdr:cNvPr>
        <xdr:cNvPicPr>
          <a:picLocks noChangeAspect="1" noChangeArrowheads="1"/>
        </xdr:cNvPicPr>
      </xdr:nvPicPr>
      <xdr:blipFill>
        <a:blip xmlns:r="http://schemas.openxmlformats.org/officeDocument/2006/relationships" r:embed="rId19" cstate="print">
          <a:extLst>
            <a:ext uri="{28A0092B-C50C-407E-A947-70E740481C1C}">
              <a14:useLocalDpi xmlns:a14="http://schemas.microsoft.com/office/drawing/2010/main" val="0"/>
            </a:ext>
          </a:extLst>
        </a:blip>
        <a:srcRect/>
        <a:stretch>
          <a:fillRect/>
        </a:stretch>
      </xdr:blipFill>
      <xdr:spPr bwMode="auto">
        <a:xfrm>
          <a:off x="15512142" y="42510364"/>
          <a:ext cx="867535" cy="89376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88753</xdr:colOff>
      <xdr:row>46</xdr:row>
      <xdr:rowOff>943693</xdr:rowOff>
    </xdr:from>
    <xdr:to>
      <xdr:col>8</xdr:col>
      <xdr:colOff>2256287</xdr:colOff>
      <xdr:row>46</xdr:row>
      <xdr:rowOff>1824167</xdr:rowOff>
    </xdr:to>
    <xdr:pic>
      <xdr:nvPicPr>
        <xdr:cNvPr id="77" name="図 76">
          <a:extLst>
            <a:ext uri="{FF2B5EF4-FFF2-40B4-BE49-F238E27FC236}">
              <a16:creationId xmlns:a16="http://schemas.microsoft.com/office/drawing/2014/main" id="{CD64204A-CA50-48FA-9D90-0041D784D746}"/>
            </a:ext>
          </a:extLst>
        </xdr:cNvPr>
        <xdr:cNvPicPr>
          <a:picLocks noChangeAspect="1" noChangeArrowheads="1"/>
        </xdr:cNvPicPr>
      </xdr:nvPicPr>
      <xdr:blipFill>
        <a:blip xmlns:r="http://schemas.openxmlformats.org/officeDocument/2006/relationships" r:embed="rId20" cstate="print">
          <a:extLst>
            <a:ext uri="{28A0092B-C50C-407E-A947-70E740481C1C}">
              <a14:useLocalDpi xmlns:a14="http://schemas.microsoft.com/office/drawing/2010/main" val="0"/>
            </a:ext>
          </a:extLst>
        </a:blip>
        <a:srcRect/>
        <a:stretch>
          <a:fillRect/>
        </a:stretch>
      </xdr:blipFill>
      <xdr:spPr bwMode="auto">
        <a:xfrm>
          <a:off x="16813480" y="42934511"/>
          <a:ext cx="867534" cy="88047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80818</xdr:colOff>
      <xdr:row>49</xdr:row>
      <xdr:rowOff>555943</xdr:rowOff>
    </xdr:from>
    <xdr:to>
      <xdr:col>8</xdr:col>
      <xdr:colOff>961787</xdr:colOff>
      <xdr:row>49</xdr:row>
      <xdr:rowOff>1452363</xdr:rowOff>
    </xdr:to>
    <xdr:pic>
      <xdr:nvPicPr>
        <xdr:cNvPr id="78" name="図 77">
          <a:extLst>
            <a:ext uri="{FF2B5EF4-FFF2-40B4-BE49-F238E27FC236}">
              <a16:creationId xmlns:a16="http://schemas.microsoft.com/office/drawing/2014/main" id="{5BF93E15-1F22-4C44-9218-D8C72C017613}"/>
            </a:ext>
          </a:extLst>
        </xdr:cNvPr>
        <xdr:cNvPicPr>
          <a:picLocks noChangeAspect="1" noChangeArrowheads="1"/>
        </xdr:cNvPicPr>
      </xdr:nvPicPr>
      <xdr:blipFill>
        <a:blip xmlns:r="http://schemas.openxmlformats.org/officeDocument/2006/relationships" r:embed="rId21" cstate="print">
          <a:extLst>
            <a:ext uri="{28A0092B-C50C-407E-A947-70E740481C1C}">
              <a14:useLocalDpi xmlns:a14="http://schemas.microsoft.com/office/drawing/2010/main" val="0"/>
            </a:ext>
          </a:extLst>
        </a:blip>
        <a:srcRect/>
        <a:stretch>
          <a:fillRect/>
        </a:stretch>
      </xdr:blipFill>
      <xdr:spPr bwMode="auto">
        <a:xfrm>
          <a:off x="15505545" y="46864761"/>
          <a:ext cx="880969" cy="8964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89063</xdr:colOff>
      <xdr:row>53</xdr:row>
      <xdr:rowOff>69273</xdr:rowOff>
    </xdr:from>
    <xdr:to>
      <xdr:col>8</xdr:col>
      <xdr:colOff>931810</xdr:colOff>
      <xdr:row>53</xdr:row>
      <xdr:rowOff>938049</xdr:rowOff>
    </xdr:to>
    <xdr:pic>
      <xdr:nvPicPr>
        <xdr:cNvPr id="79" name="図 78">
          <a:extLst>
            <a:ext uri="{FF2B5EF4-FFF2-40B4-BE49-F238E27FC236}">
              <a16:creationId xmlns:a16="http://schemas.microsoft.com/office/drawing/2014/main" id="{891F5E99-6475-44C0-84D9-5E8F40A351DA}"/>
            </a:ext>
          </a:extLst>
        </xdr:cNvPr>
        <xdr:cNvPicPr>
          <a:picLocks noChangeAspect="1" noChangeArrowheads="1"/>
        </xdr:cNvPicPr>
      </xdr:nvPicPr>
      <xdr:blipFill>
        <a:blip xmlns:r="http://schemas.openxmlformats.org/officeDocument/2006/relationships" r:embed="rId22" cstate="print">
          <a:extLst>
            <a:ext uri="{28A0092B-C50C-407E-A947-70E740481C1C}">
              <a14:useLocalDpi xmlns:a14="http://schemas.microsoft.com/office/drawing/2010/main" val="0"/>
            </a:ext>
          </a:extLst>
        </a:blip>
        <a:srcRect/>
        <a:stretch>
          <a:fillRect/>
        </a:stretch>
      </xdr:blipFill>
      <xdr:spPr bwMode="auto">
        <a:xfrm>
          <a:off x="15513790" y="53016728"/>
          <a:ext cx="842747" cy="86877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78855</xdr:colOff>
      <xdr:row>54</xdr:row>
      <xdr:rowOff>47041</xdr:rowOff>
    </xdr:from>
    <xdr:to>
      <xdr:col>8</xdr:col>
      <xdr:colOff>2241708</xdr:colOff>
      <xdr:row>54</xdr:row>
      <xdr:rowOff>931070</xdr:rowOff>
    </xdr:to>
    <xdr:pic>
      <xdr:nvPicPr>
        <xdr:cNvPr id="80" name="図 79">
          <a:extLst>
            <a:ext uri="{FF2B5EF4-FFF2-40B4-BE49-F238E27FC236}">
              <a16:creationId xmlns:a16="http://schemas.microsoft.com/office/drawing/2014/main" id="{49513736-8EDA-40D4-9512-EB641A9E02DD}"/>
            </a:ext>
          </a:extLst>
        </xdr:cNvPr>
        <xdr:cNvPicPr>
          <a:picLocks noChangeAspect="1" noChangeArrowheads="1"/>
        </xdr:cNvPicPr>
      </xdr:nvPicPr>
      <xdr:blipFill>
        <a:blip xmlns:r="http://schemas.openxmlformats.org/officeDocument/2006/relationships" r:embed="rId23" cstate="print">
          <a:extLst>
            <a:ext uri="{28A0092B-C50C-407E-A947-70E740481C1C}">
              <a14:useLocalDpi xmlns:a14="http://schemas.microsoft.com/office/drawing/2010/main" val="0"/>
            </a:ext>
          </a:extLst>
        </a:blip>
        <a:srcRect/>
        <a:stretch>
          <a:fillRect/>
        </a:stretch>
      </xdr:blipFill>
      <xdr:spPr bwMode="auto">
        <a:xfrm>
          <a:off x="16803582" y="53952768"/>
          <a:ext cx="862853" cy="88402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27000</xdr:colOff>
      <xdr:row>55</xdr:row>
      <xdr:rowOff>239190</xdr:rowOff>
    </xdr:from>
    <xdr:to>
      <xdr:col>8</xdr:col>
      <xdr:colOff>1006927</xdr:colOff>
      <xdr:row>55</xdr:row>
      <xdr:rowOff>1145484</xdr:rowOff>
    </xdr:to>
    <xdr:pic>
      <xdr:nvPicPr>
        <xdr:cNvPr id="81" name="図 80">
          <a:extLst>
            <a:ext uri="{FF2B5EF4-FFF2-40B4-BE49-F238E27FC236}">
              <a16:creationId xmlns:a16="http://schemas.microsoft.com/office/drawing/2014/main" id="{CC25BBA8-C969-45E2-9E44-90BBD6939A19}"/>
            </a:ext>
          </a:extLst>
        </xdr:cNvPr>
        <xdr:cNvPicPr>
          <a:picLocks noChangeAspect="1" noChangeArrowheads="1"/>
        </xdr:cNvPicPr>
      </xdr:nvPicPr>
      <xdr:blipFill>
        <a:blip xmlns:r="http://schemas.openxmlformats.org/officeDocument/2006/relationships" r:embed="rId24" cstate="print">
          <a:extLst>
            <a:ext uri="{28A0092B-C50C-407E-A947-70E740481C1C}">
              <a14:useLocalDpi xmlns:a14="http://schemas.microsoft.com/office/drawing/2010/main" val="0"/>
            </a:ext>
          </a:extLst>
        </a:blip>
        <a:srcRect/>
        <a:stretch>
          <a:fillRect/>
        </a:stretch>
      </xdr:blipFill>
      <xdr:spPr bwMode="auto">
        <a:xfrm>
          <a:off x="15551727" y="53533008"/>
          <a:ext cx="879927" cy="90629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78855</xdr:colOff>
      <xdr:row>56</xdr:row>
      <xdr:rowOff>52835</xdr:rowOff>
    </xdr:from>
    <xdr:to>
      <xdr:col>8</xdr:col>
      <xdr:colOff>2232104</xdr:colOff>
      <xdr:row>56</xdr:row>
      <xdr:rowOff>924472</xdr:rowOff>
    </xdr:to>
    <xdr:pic>
      <xdr:nvPicPr>
        <xdr:cNvPr id="82" name="図 81">
          <a:extLst>
            <a:ext uri="{FF2B5EF4-FFF2-40B4-BE49-F238E27FC236}">
              <a16:creationId xmlns:a16="http://schemas.microsoft.com/office/drawing/2014/main" id="{C279E770-22DF-4D37-A713-D692B60C2761}"/>
            </a:ext>
          </a:extLst>
        </xdr:cNvPr>
        <xdr:cNvPicPr>
          <a:picLocks noChangeAspect="1" noChangeArrowheads="1"/>
        </xdr:cNvPicPr>
      </xdr:nvPicPr>
      <xdr:blipFill>
        <a:blip xmlns:r="http://schemas.openxmlformats.org/officeDocument/2006/relationships" r:embed="rId25" cstate="print">
          <a:extLst>
            <a:ext uri="{28A0092B-C50C-407E-A947-70E740481C1C}">
              <a14:useLocalDpi xmlns:a14="http://schemas.microsoft.com/office/drawing/2010/main" val="0"/>
            </a:ext>
          </a:extLst>
        </a:blip>
        <a:srcRect/>
        <a:stretch>
          <a:fillRect/>
        </a:stretch>
      </xdr:blipFill>
      <xdr:spPr bwMode="auto">
        <a:xfrm>
          <a:off x="16803582" y="56313835"/>
          <a:ext cx="853249" cy="87163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80818</xdr:colOff>
      <xdr:row>59</xdr:row>
      <xdr:rowOff>92364</xdr:rowOff>
    </xdr:from>
    <xdr:to>
      <xdr:col>8</xdr:col>
      <xdr:colOff>948353</xdr:colOff>
      <xdr:row>59</xdr:row>
      <xdr:rowOff>972213</xdr:rowOff>
    </xdr:to>
    <xdr:pic>
      <xdr:nvPicPr>
        <xdr:cNvPr id="83" name="図 82">
          <a:extLst>
            <a:ext uri="{FF2B5EF4-FFF2-40B4-BE49-F238E27FC236}">
              <a16:creationId xmlns:a16="http://schemas.microsoft.com/office/drawing/2014/main" id="{21177095-CC00-4BFD-982F-AE94EB990427}"/>
            </a:ext>
          </a:extLst>
        </xdr:cNvPr>
        <xdr:cNvPicPr>
          <a:picLocks noChangeAspect="1" noChangeArrowheads="1"/>
        </xdr:cNvPicPr>
      </xdr:nvPicPr>
      <xdr:blipFill>
        <a:blip xmlns:r="http://schemas.openxmlformats.org/officeDocument/2006/relationships" r:embed="rId26" cstate="print">
          <a:extLst>
            <a:ext uri="{28A0092B-C50C-407E-A947-70E740481C1C}">
              <a14:useLocalDpi xmlns:a14="http://schemas.microsoft.com/office/drawing/2010/main" val="0"/>
            </a:ext>
          </a:extLst>
        </a:blip>
        <a:srcRect/>
        <a:stretch>
          <a:fillRect/>
        </a:stretch>
      </xdr:blipFill>
      <xdr:spPr bwMode="auto">
        <a:xfrm>
          <a:off x="15505545" y="57277000"/>
          <a:ext cx="867535" cy="8798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68961</xdr:colOff>
      <xdr:row>62</xdr:row>
      <xdr:rowOff>224311</xdr:rowOff>
    </xdr:from>
    <xdr:to>
      <xdr:col>8</xdr:col>
      <xdr:colOff>2236495</xdr:colOff>
      <xdr:row>62</xdr:row>
      <xdr:rowOff>1104864</xdr:rowOff>
    </xdr:to>
    <xdr:pic>
      <xdr:nvPicPr>
        <xdr:cNvPr id="84" name="図 83">
          <a:extLst>
            <a:ext uri="{FF2B5EF4-FFF2-40B4-BE49-F238E27FC236}">
              <a16:creationId xmlns:a16="http://schemas.microsoft.com/office/drawing/2014/main" id="{D39EF91F-2D6B-41D9-975E-723B54DA7C69}"/>
            </a:ext>
          </a:extLst>
        </xdr:cNvPr>
        <xdr:cNvPicPr>
          <a:picLocks noChangeAspect="1" noChangeArrowheads="1"/>
        </xdr:cNvPicPr>
      </xdr:nvPicPr>
      <xdr:blipFill>
        <a:blip xmlns:r="http://schemas.openxmlformats.org/officeDocument/2006/relationships" r:embed="rId27" cstate="print">
          <a:extLst>
            <a:ext uri="{28A0092B-C50C-407E-A947-70E740481C1C}">
              <a14:useLocalDpi xmlns:a14="http://schemas.microsoft.com/office/drawing/2010/main" val="0"/>
            </a:ext>
          </a:extLst>
        </a:blip>
        <a:srcRect/>
        <a:stretch>
          <a:fillRect/>
        </a:stretch>
      </xdr:blipFill>
      <xdr:spPr bwMode="auto">
        <a:xfrm>
          <a:off x="16793688" y="59948947"/>
          <a:ext cx="867534" cy="88055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62363</xdr:colOff>
      <xdr:row>65</xdr:row>
      <xdr:rowOff>46181</xdr:rowOff>
    </xdr:from>
    <xdr:to>
      <xdr:col>8</xdr:col>
      <xdr:colOff>2242291</xdr:colOff>
      <xdr:row>65</xdr:row>
      <xdr:rowOff>948841</xdr:rowOff>
    </xdr:to>
    <xdr:pic>
      <xdr:nvPicPr>
        <xdr:cNvPr id="86" name="図 85">
          <a:extLst>
            <a:ext uri="{FF2B5EF4-FFF2-40B4-BE49-F238E27FC236}">
              <a16:creationId xmlns:a16="http://schemas.microsoft.com/office/drawing/2014/main" id="{98851EB3-9498-43B3-8090-01CF456E137C}"/>
            </a:ext>
          </a:extLst>
        </xdr:cNvPr>
        <xdr:cNvPicPr>
          <a:picLocks noChangeAspect="1" noChangeArrowheads="1"/>
        </xdr:cNvPicPr>
      </xdr:nvPicPr>
      <xdr:blipFill>
        <a:blip xmlns:r="http://schemas.openxmlformats.org/officeDocument/2006/relationships" r:embed="rId28" cstate="print">
          <a:extLst>
            <a:ext uri="{28A0092B-C50C-407E-A947-70E740481C1C}">
              <a14:useLocalDpi xmlns:a14="http://schemas.microsoft.com/office/drawing/2010/main" val="0"/>
            </a:ext>
          </a:extLst>
        </a:blip>
        <a:srcRect/>
        <a:stretch>
          <a:fillRect/>
        </a:stretch>
      </xdr:blipFill>
      <xdr:spPr bwMode="auto">
        <a:xfrm>
          <a:off x="16787090" y="64966272"/>
          <a:ext cx="879928" cy="9026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6</xdr:col>
      <xdr:colOff>283027</xdr:colOff>
      <xdr:row>0</xdr:row>
      <xdr:rowOff>370114</xdr:rowOff>
    </xdr:from>
    <xdr:to>
      <xdr:col>39</xdr:col>
      <xdr:colOff>83127</xdr:colOff>
      <xdr:row>14</xdr:row>
      <xdr:rowOff>619397</xdr:rowOff>
    </xdr:to>
    <xdr:pic>
      <xdr:nvPicPr>
        <xdr:cNvPr id="3" name="図 2">
          <a:extLst>
            <a:ext uri="{FF2B5EF4-FFF2-40B4-BE49-F238E27FC236}">
              <a16:creationId xmlns:a16="http://schemas.microsoft.com/office/drawing/2014/main" id="{240F174E-A6B9-2078-2213-4876E0951468}"/>
            </a:ext>
          </a:extLst>
        </xdr:cNvPr>
        <xdr:cNvPicPr>
          <a:picLocks noChangeAspect="1" noChangeArrowheads="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a:fillRect/>
        </a:stretch>
      </xdr:blipFill>
      <xdr:spPr bwMode="auto">
        <a:xfrm>
          <a:off x="37283570" y="370114"/>
          <a:ext cx="5460671" cy="82829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4</xdr:col>
      <xdr:colOff>35169</xdr:colOff>
      <xdr:row>49</xdr:row>
      <xdr:rowOff>1184030</xdr:rowOff>
    </xdr:from>
    <xdr:to>
      <xdr:col>16</xdr:col>
      <xdr:colOff>914400</xdr:colOff>
      <xdr:row>49</xdr:row>
      <xdr:rowOff>1934307</xdr:rowOff>
    </xdr:to>
    <xdr:sp macro="" textlink="">
      <xdr:nvSpPr>
        <xdr:cNvPr id="2" name="正方形/長方形 1">
          <a:extLst>
            <a:ext uri="{FF2B5EF4-FFF2-40B4-BE49-F238E27FC236}">
              <a16:creationId xmlns:a16="http://schemas.microsoft.com/office/drawing/2014/main" id="{BC269854-4CCE-BC24-C2FE-17BF3BD746E2}"/>
            </a:ext>
          </a:extLst>
        </xdr:cNvPr>
        <xdr:cNvSpPr/>
      </xdr:nvSpPr>
      <xdr:spPr bwMode="auto">
        <a:xfrm>
          <a:off x="27138923" y="51048138"/>
          <a:ext cx="2801815" cy="750277"/>
        </a:xfrm>
        <a:prstGeom prst="rect">
          <a:avLst/>
        </a:prstGeom>
        <a:ln>
          <a:noFill/>
        </a:ln>
      </xdr:spPr>
      <xdr:style>
        <a:lnRef idx="2">
          <a:schemeClr val="dk1"/>
        </a:lnRef>
        <a:fillRef idx="1">
          <a:schemeClr val="lt1"/>
        </a:fillRef>
        <a:effectRef idx="0">
          <a:schemeClr val="dk1"/>
        </a:effectRef>
        <a:fontRef idx="minor">
          <a:schemeClr val="dk1"/>
        </a:fontRef>
      </xdr:style>
      <xdr:txBody>
        <a:bodyPr wrap="none" rtlCol="0" fromWordArt="1" anchor="ctr"/>
        <a:lstStyle/>
        <a:p>
          <a:pPr algn="l" rtl="0"/>
          <a:r>
            <a:rPr kumimoji="1" lang="en-US" altLang="ja-JP" sz="1000" i="0" kern="10" spc="0">
              <a:ln w="9525">
                <a:noFill/>
                <a:round/>
                <a:headEnd/>
                <a:tailEnd/>
              </a:ln>
              <a:solidFill>
                <a:srgbClr val="000000"/>
              </a:solidFill>
              <a:effectLst/>
              <a:latin typeface="ＭＳ Ｐゴシック"/>
              <a:ea typeface="ＭＳ Ｐゴシック"/>
            </a:rPr>
            <a:t>※</a:t>
          </a:r>
          <a:r>
            <a:rPr kumimoji="1" lang="ja-JP" altLang="en-US" sz="1000" i="0" kern="10" spc="0">
              <a:ln w="9525">
                <a:noFill/>
                <a:round/>
                <a:headEnd/>
                <a:tailEnd/>
              </a:ln>
              <a:solidFill>
                <a:srgbClr val="000000"/>
              </a:solidFill>
              <a:effectLst/>
              <a:latin typeface="ＭＳ Ｐゴシック"/>
              <a:ea typeface="ＭＳ Ｐゴシック"/>
            </a:rPr>
            <a:t>子宮頸がんと乳房超音波をセットで受診する</a:t>
          </a:r>
          <a:endParaRPr kumimoji="1" lang="en-US" altLang="ja-JP" sz="1000" i="0" kern="10" spc="0">
            <a:ln w="9525">
              <a:noFill/>
              <a:round/>
              <a:headEnd/>
              <a:tailEnd/>
            </a:ln>
            <a:solidFill>
              <a:srgbClr val="000000"/>
            </a:solidFill>
            <a:effectLst/>
            <a:latin typeface="ＭＳ Ｐゴシック"/>
            <a:ea typeface="ＭＳ Ｐゴシック"/>
          </a:endParaRPr>
        </a:p>
        <a:p>
          <a:pPr algn="l" rtl="0"/>
          <a:r>
            <a:rPr kumimoji="1" lang="ja-JP" altLang="en-US" sz="1000" i="0" kern="10" spc="0">
              <a:ln w="9525">
                <a:noFill/>
                <a:round/>
                <a:headEnd/>
                <a:tailEnd/>
              </a:ln>
              <a:solidFill>
                <a:srgbClr val="000000"/>
              </a:solidFill>
              <a:effectLst/>
              <a:latin typeface="ＭＳ Ｐゴシック"/>
              <a:ea typeface="ＭＳ Ｐゴシック"/>
            </a:rPr>
            <a:t>場合の自己負担額は、合わせて</a:t>
          </a:r>
          <a:r>
            <a:rPr kumimoji="1" lang="en-US" altLang="ja-JP" sz="1000" i="0" kern="10" spc="0">
              <a:ln w="9525">
                <a:noFill/>
                <a:round/>
                <a:headEnd/>
                <a:tailEnd/>
              </a:ln>
              <a:solidFill>
                <a:srgbClr val="000000"/>
              </a:solidFill>
              <a:effectLst/>
              <a:latin typeface="ＭＳ Ｐゴシック"/>
              <a:ea typeface="ＭＳ Ｐゴシック"/>
            </a:rPr>
            <a:t>500</a:t>
          </a:r>
          <a:r>
            <a:rPr kumimoji="1" lang="ja-JP" altLang="en-US" sz="1000" i="0" kern="10" spc="0">
              <a:ln w="9525">
                <a:noFill/>
                <a:round/>
                <a:headEnd/>
                <a:tailEnd/>
              </a:ln>
              <a:solidFill>
                <a:srgbClr val="000000"/>
              </a:solidFill>
              <a:effectLst/>
              <a:latin typeface="ＭＳ Ｐゴシック"/>
              <a:ea typeface="ＭＳ Ｐゴシック"/>
            </a:rPr>
            <a:t>円となります。</a:t>
          </a:r>
        </a:p>
      </xdr:txBody>
    </xdr:sp>
    <xdr:clientData/>
  </xdr:twoCellAnchor>
  <xdr:twoCellAnchor editAs="oneCell">
    <xdr:from>
      <xdr:col>8</xdr:col>
      <xdr:colOff>90714</xdr:colOff>
      <xdr:row>25</xdr:row>
      <xdr:rowOff>707572</xdr:rowOff>
    </xdr:from>
    <xdr:to>
      <xdr:col>8</xdr:col>
      <xdr:colOff>982000</xdr:colOff>
      <xdr:row>27</xdr:row>
      <xdr:rowOff>80044</xdr:rowOff>
    </xdr:to>
    <xdr:pic>
      <xdr:nvPicPr>
        <xdr:cNvPr id="4" name="図 3">
          <a:extLst>
            <a:ext uri="{FF2B5EF4-FFF2-40B4-BE49-F238E27FC236}">
              <a16:creationId xmlns:a16="http://schemas.microsoft.com/office/drawing/2014/main" id="{C67BC34D-2985-48E8-95DE-10D69C318D01}"/>
            </a:ext>
          </a:extLst>
        </xdr:cNvPr>
        <xdr:cNvPicPr>
          <a:picLocks noChangeAspect="1" noChangeArrowheads="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a:fillRect/>
        </a:stretch>
      </xdr:blipFill>
      <xdr:spPr bwMode="auto">
        <a:xfrm>
          <a:off x="15521214" y="19875501"/>
          <a:ext cx="891286" cy="89647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1397001</xdr:colOff>
      <xdr:row>42</xdr:row>
      <xdr:rowOff>54429</xdr:rowOff>
    </xdr:from>
    <xdr:to>
      <xdr:col>8</xdr:col>
      <xdr:colOff>2257231</xdr:colOff>
      <xdr:row>42</xdr:row>
      <xdr:rowOff>919985</xdr:rowOff>
    </xdr:to>
    <xdr:pic>
      <xdr:nvPicPr>
        <xdr:cNvPr id="5" name="図 4">
          <a:extLst>
            <a:ext uri="{FF2B5EF4-FFF2-40B4-BE49-F238E27FC236}">
              <a16:creationId xmlns:a16="http://schemas.microsoft.com/office/drawing/2014/main" id="{D97CBE28-D78A-423B-8670-A42092166A80}"/>
            </a:ext>
          </a:extLst>
        </xdr:cNvPr>
        <xdr:cNvPicPr>
          <a:picLocks noChangeAspect="1" noChangeArrowheads="1"/>
        </xdr:cNvPicPr>
      </xdr:nvPicPr>
      <xdr:blipFill>
        <a:blip xmlns:r="http://schemas.openxmlformats.org/officeDocument/2006/relationships" r:embed="rId31" cstate="print">
          <a:extLst>
            <a:ext uri="{28A0092B-C50C-407E-A947-70E740481C1C}">
              <a14:useLocalDpi xmlns:a14="http://schemas.microsoft.com/office/drawing/2010/main" val="0"/>
            </a:ext>
          </a:extLst>
        </a:blip>
        <a:srcRect/>
        <a:stretch>
          <a:fillRect/>
        </a:stretch>
      </xdr:blipFill>
      <xdr:spPr bwMode="auto">
        <a:xfrm>
          <a:off x="16827501" y="42463358"/>
          <a:ext cx="860230" cy="86555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8</xdr:col>
      <xdr:colOff>79168</xdr:colOff>
      <xdr:row>63</xdr:row>
      <xdr:rowOff>344713</xdr:rowOff>
    </xdr:from>
    <xdr:to>
      <xdr:col>8</xdr:col>
      <xdr:colOff>980396</xdr:colOff>
      <xdr:row>63</xdr:row>
      <xdr:rowOff>1243120</xdr:rowOff>
    </xdr:to>
    <xdr:pic>
      <xdr:nvPicPr>
        <xdr:cNvPr id="6" name="図 5">
          <a:extLst>
            <a:ext uri="{FF2B5EF4-FFF2-40B4-BE49-F238E27FC236}">
              <a16:creationId xmlns:a16="http://schemas.microsoft.com/office/drawing/2014/main" id="{15FE2345-8A83-4FCC-B2F8-B7903D294475}"/>
            </a:ext>
          </a:extLst>
        </xdr:cNvPr>
        <xdr:cNvPicPr>
          <a:picLocks noChangeAspect="1" noChangeArrowheads="1"/>
        </xdr:cNvPicPr>
      </xdr:nvPicPr>
      <xdr:blipFill>
        <a:blip xmlns:r="http://schemas.openxmlformats.org/officeDocument/2006/relationships" r:embed="rId32">
          <a:extLst>
            <a:ext uri="{28A0092B-C50C-407E-A947-70E740481C1C}">
              <a14:useLocalDpi xmlns:a14="http://schemas.microsoft.com/office/drawing/2010/main" val="0"/>
            </a:ext>
          </a:extLst>
        </a:blip>
        <a:srcRect/>
        <a:stretch>
          <a:fillRect/>
        </a:stretch>
      </xdr:blipFill>
      <xdr:spPr bwMode="auto">
        <a:xfrm>
          <a:off x="15503895" y="65403349"/>
          <a:ext cx="901228" cy="89840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bodyPr wrap="none" fromWordArt="1">
        <a:prstTxWarp prst="textPlain">
          <a:avLst>
            <a:gd name="adj" fmla="val 50307"/>
          </a:avLst>
        </a:prstTxWarp>
      </a:bodyPr>
      <a:lstStyle>
        <a:defPPr algn="l" rtl="0">
          <a:defRPr sz="3600" i="0" kern="10" spc="0">
            <a:ln w="9525">
              <a:noFill/>
              <a:round/>
              <a:headEnd/>
              <a:tailEnd/>
            </a:ln>
            <a:solidFill>
              <a:srgbClr val="000000"/>
            </a:solidFill>
            <a:effectLst/>
            <a:latin typeface="ＭＳ Ｐゴシック"/>
            <a:ea typeface="ＭＳ Ｐゴシック"/>
          </a:defRPr>
        </a:defPPr>
      </a:lstStyle>
    </a:sp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2">
    <tabColor rgb="FFFFFF00"/>
  </sheetPr>
  <dimension ref="A1:X74"/>
  <sheetViews>
    <sheetView showGridLines="0" tabSelected="1" view="pageBreakPreview" zoomScale="55" zoomScaleNormal="70" zoomScaleSheetLayoutView="55" workbookViewId="0">
      <pane xSplit="5" ySplit="8" topLeftCell="G53" activePane="bottomRight" state="frozen"/>
      <selection pane="topRight" activeCell="F1" sqref="F1"/>
      <selection pane="bottomLeft" activeCell="A9" sqref="A9"/>
      <selection pane="bottomRight" activeCell="W57" sqref="W57"/>
    </sheetView>
  </sheetViews>
  <sheetFormatPr defaultColWidth="5.69921875" defaultRowHeight="14.4" outlineLevelCol="1" x14ac:dyDescent="0.2"/>
  <cols>
    <col min="1" max="1" width="8.8984375" style="95" customWidth="1"/>
    <col min="2" max="2" width="9.69921875" style="204" customWidth="1"/>
    <col min="3" max="3" width="14.59765625" style="205" customWidth="1" outlineLevel="1"/>
    <col min="4" max="4" width="9.59765625" style="95" customWidth="1" outlineLevel="1"/>
    <col min="5" max="5" width="35.59765625" style="95" customWidth="1"/>
    <col min="6" max="6" width="20.59765625" style="206" customWidth="1"/>
    <col min="7" max="7" width="31.69921875" style="297" customWidth="1"/>
    <col min="8" max="8" width="75.796875" style="297" customWidth="1"/>
    <col min="9" max="9" width="30.59765625" style="95" customWidth="1"/>
    <col min="10" max="10" width="77.09765625" style="297" customWidth="1"/>
    <col min="11" max="11" width="11.59765625" style="207" customWidth="1"/>
    <col min="12" max="12" width="11.59765625" style="95" customWidth="1"/>
    <col min="13" max="13" width="11.59765625" style="207" customWidth="1"/>
    <col min="14" max="14" width="10.59765625" style="207" customWidth="1"/>
    <col min="15" max="18" width="12.59765625" style="95" customWidth="1"/>
    <col min="19" max="20" width="11.59765625" style="161" customWidth="1"/>
    <col min="21" max="21" width="10.59765625" style="95" customWidth="1"/>
    <col min="22" max="23" width="11.59765625" style="208" customWidth="1"/>
    <col min="24" max="24" width="11.59765625" style="95" customWidth="1"/>
    <col min="25" max="16384" width="5.69921875" style="95"/>
  </cols>
  <sheetData>
    <row r="1" spans="1:24" ht="44.55" customHeight="1" thickBot="1" x14ac:dyDescent="0.25">
      <c r="A1" s="347" t="s">
        <v>317</v>
      </c>
      <c r="B1" s="347"/>
      <c r="C1" s="347"/>
      <c r="D1" s="347"/>
      <c r="E1" s="347"/>
      <c r="F1" s="347"/>
      <c r="G1" s="347"/>
      <c r="H1" s="347"/>
      <c r="I1" s="347"/>
      <c r="J1" s="347"/>
      <c r="K1" s="347"/>
      <c r="L1" s="94"/>
      <c r="M1" s="94"/>
      <c r="N1" s="94"/>
      <c r="O1" s="94"/>
      <c r="P1" s="94"/>
      <c r="Q1" s="94"/>
      <c r="R1" s="94"/>
      <c r="S1" s="94"/>
      <c r="T1" s="94"/>
      <c r="U1" s="94"/>
      <c r="V1" s="94"/>
      <c r="W1" s="94"/>
      <c r="X1" s="94"/>
    </row>
    <row r="2" spans="1:24" ht="15" customHeight="1" x14ac:dyDescent="0.2">
      <c r="A2" s="304" t="s">
        <v>3</v>
      </c>
      <c r="B2" s="305"/>
      <c r="C2" s="310" t="s">
        <v>167</v>
      </c>
      <c r="D2" s="323" t="s">
        <v>319</v>
      </c>
      <c r="E2" s="313" t="s">
        <v>208</v>
      </c>
      <c r="F2" s="331" t="s">
        <v>255</v>
      </c>
      <c r="G2" s="341"/>
      <c r="H2" s="341"/>
      <c r="I2" s="341"/>
      <c r="J2" s="332"/>
      <c r="K2" s="331" t="s">
        <v>256</v>
      </c>
      <c r="L2" s="341"/>
      <c r="M2" s="341"/>
      <c r="N2" s="332"/>
      <c r="O2" s="372" t="s">
        <v>209</v>
      </c>
      <c r="P2" s="373"/>
      <c r="Q2" s="373"/>
      <c r="R2" s="374"/>
      <c r="S2" s="348" t="s">
        <v>257</v>
      </c>
      <c r="T2" s="349"/>
      <c r="U2" s="400" t="s">
        <v>318</v>
      </c>
      <c r="V2" s="354" t="s">
        <v>211</v>
      </c>
      <c r="W2" s="355"/>
      <c r="X2" s="360" t="s">
        <v>210</v>
      </c>
    </row>
    <row r="3" spans="1:24" ht="15" customHeight="1" x14ac:dyDescent="0.2">
      <c r="A3" s="306"/>
      <c r="B3" s="307"/>
      <c r="C3" s="311"/>
      <c r="D3" s="324"/>
      <c r="E3" s="314"/>
      <c r="F3" s="333"/>
      <c r="G3" s="342"/>
      <c r="H3" s="342"/>
      <c r="I3" s="342"/>
      <c r="J3" s="334"/>
      <c r="K3" s="333"/>
      <c r="L3" s="342"/>
      <c r="M3" s="342"/>
      <c r="N3" s="334"/>
      <c r="O3" s="375"/>
      <c r="P3" s="376"/>
      <c r="Q3" s="376"/>
      <c r="R3" s="377"/>
      <c r="S3" s="350"/>
      <c r="T3" s="351"/>
      <c r="U3" s="401"/>
      <c r="V3" s="356"/>
      <c r="W3" s="357"/>
      <c r="X3" s="361"/>
    </row>
    <row r="4" spans="1:24" ht="15" customHeight="1" x14ac:dyDescent="0.2">
      <c r="A4" s="306"/>
      <c r="B4" s="307"/>
      <c r="C4" s="311"/>
      <c r="D4" s="324"/>
      <c r="E4" s="314"/>
      <c r="F4" s="335"/>
      <c r="G4" s="343"/>
      <c r="H4" s="343"/>
      <c r="I4" s="343"/>
      <c r="J4" s="336"/>
      <c r="K4" s="335"/>
      <c r="L4" s="343"/>
      <c r="M4" s="343"/>
      <c r="N4" s="336"/>
      <c r="O4" s="378"/>
      <c r="P4" s="379"/>
      <c r="Q4" s="379"/>
      <c r="R4" s="380"/>
      <c r="S4" s="352"/>
      <c r="T4" s="353"/>
      <c r="U4" s="401"/>
      <c r="V4" s="358"/>
      <c r="W4" s="359"/>
      <c r="X4" s="361"/>
    </row>
    <row r="5" spans="1:24" ht="19.95" customHeight="1" x14ac:dyDescent="0.2">
      <c r="A5" s="306"/>
      <c r="B5" s="307"/>
      <c r="C5" s="311"/>
      <c r="D5" s="324"/>
      <c r="E5" s="314"/>
      <c r="F5" s="363" t="s">
        <v>258</v>
      </c>
      <c r="G5" s="387"/>
      <c r="H5" s="388"/>
      <c r="I5" s="392" t="s">
        <v>268</v>
      </c>
      <c r="J5" s="393"/>
      <c r="K5" s="337" t="s">
        <v>5</v>
      </c>
      <c r="L5" s="337" t="s">
        <v>6</v>
      </c>
      <c r="M5" s="337" t="s">
        <v>7</v>
      </c>
      <c r="N5" s="339" t="s">
        <v>320</v>
      </c>
      <c r="O5" s="365" t="s">
        <v>259</v>
      </c>
      <c r="P5" s="368" t="s">
        <v>143</v>
      </c>
      <c r="Q5" s="368"/>
      <c r="R5" s="381" t="s">
        <v>414</v>
      </c>
      <c r="S5" s="369" t="s">
        <v>253</v>
      </c>
      <c r="T5" s="384" t="s">
        <v>254</v>
      </c>
      <c r="U5" s="401"/>
      <c r="V5" s="369" t="s">
        <v>96</v>
      </c>
      <c r="W5" s="399" t="s">
        <v>97</v>
      </c>
      <c r="X5" s="361"/>
    </row>
    <row r="6" spans="1:24" ht="15" customHeight="1" x14ac:dyDescent="0.2">
      <c r="A6" s="306"/>
      <c r="B6" s="307"/>
      <c r="C6" s="311"/>
      <c r="D6" s="324"/>
      <c r="E6" s="314"/>
      <c r="F6" s="333"/>
      <c r="G6" s="342"/>
      <c r="H6" s="389"/>
      <c r="I6" s="394"/>
      <c r="J6" s="395"/>
      <c r="K6" s="337"/>
      <c r="L6" s="337"/>
      <c r="M6" s="337"/>
      <c r="N6" s="339"/>
      <c r="O6" s="366"/>
      <c r="P6" s="328" t="s">
        <v>2</v>
      </c>
      <c r="Q6" s="344" t="s">
        <v>0</v>
      </c>
      <c r="R6" s="382"/>
      <c r="S6" s="370"/>
      <c r="T6" s="385"/>
      <c r="U6" s="401"/>
      <c r="V6" s="370"/>
      <c r="W6" s="385"/>
      <c r="X6" s="361"/>
    </row>
    <row r="7" spans="1:24" ht="15" customHeight="1" x14ac:dyDescent="0.2">
      <c r="A7" s="306"/>
      <c r="B7" s="307"/>
      <c r="C7" s="311"/>
      <c r="D7" s="324"/>
      <c r="E7" s="314"/>
      <c r="F7" s="333"/>
      <c r="G7" s="342"/>
      <c r="H7" s="389"/>
      <c r="I7" s="394"/>
      <c r="J7" s="395"/>
      <c r="K7" s="337"/>
      <c r="L7" s="337"/>
      <c r="M7" s="337"/>
      <c r="N7" s="339"/>
      <c r="O7" s="366"/>
      <c r="P7" s="329"/>
      <c r="Q7" s="345"/>
      <c r="R7" s="382"/>
      <c r="S7" s="370"/>
      <c r="T7" s="385"/>
      <c r="U7" s="401"/>
      <c r="V7" s="370"/>
      <c r="W7" s="385"/>
      <c r="X7" s="361"/>
    </row>
    <row r="8" spans="1:24" ht="15" customHeight="1" thickBot="1" x14ac:dyDescent="0.25">
      <c r="A8" s="308"/>
      <c r="B8" s="309"/>
      <c r="C8" s="312"/>
      <c r="D8" s="325"/>
      <c r="E8" s="315"/>
      <c r="F8" s="364"/>
      <c r="G8" s="390"/>
      <c r="H8" s="391"/>
      <c r="I8" s="396"/>
      <c r="J8" s="397"/>
      <c r="K8" s="338"/>
      <c r="L8" s="338"/>
      <c r="M8" s="338"/>
      <c r="N8" s="340"/>
      <c r="O8" s="367"/>
      <c r="P8" s="330"/>
      <c r="Q8" s="346"/>
      <c r="R8" s="383"/>
      <c r="S8" s="371"/>
      <c r="T8" s="386"/>
      <c r="U8" s="402"/>
      <c r="V8" s="371"/>
      <c r="W8" s="386"/>
      <c r="X8" s="362"/>
    </row>
    <row r="9" spans="1:24" ht="60" customHeight="1" x14ac:dyDescent="0.2">
      <c r="A9" s="320" t="s">
        <v>260</v>
      </c>
      <c r="B9" s="96" t="s">
        <v>187</v>
      </c>
      <c r="C9" s="97" t="s">
        <v>284</v>
      </c>
      <c r="D9" s="98" t="s">
        <v>51</v>
      </c>
      <c r="E9" s="99" t="s">
        <v>73</v>
      </c>
      <c r="F9" s="100" t="s">
        <v>110</v>
      </c>
      <c r="G9" s="209" t="s">
        <v>220</v>
      </c>
      <c r="H9" s="210" t="s">
        <v>4</v>
      </c>
      <c r="I9" s="211"/>
      <c r="J9" s="212" t="s">
        <v>230</v>
      </c>
      <c r="K9" s="68">
        <v>11900</v>
      </c>
      <c r="L9" s="68">
        <v>15900</v>
      </c>
      <c r="M9" s="68">
        <v>23900</v>
      </c>
      <c r="N9" s="69">
        <v>19800</v>
      </c>
      <c r="O9" s="70">
        <v>1950</v>
      </c>
      <c r="P9" s="71">
        <v>1700</v>
      </c>
      <c r="Q9" s="72">
        <v>1700</v>
      </c>
      <c r="R9" s="73">
        <v>2750</v>
      </c>
      <c r="S9" s="74">
        <v>3300</v>
      </c>
      <c r="T9" s="71">
        <v>3300</v>
      </c>
      <c r="U9" s="213" t="s">
        <v>321</v>
      </c>
      <c r="V9" s="101">
        <v>6000</v>
      </c>
      <c r="W9" s="298" t="s">
        <v>1</v>
      </c>
      <c r="X9" s="102" t="s">
        <v>1</v>
      </c>
    </row>
    <row r="10" spans="1:24" ht="90" customHeight="1" x14ac:dyDescent="0.2">
      <c r="A10" s="321"/>
      <c r="B10" s="103" t="s">
        <v>200</v>
      </c>
      <c r="C10" s="104" t="s">
        <v>301</v>
      </c>
      <c r="D10" s="105" t="s">
        <v>58</v>
      </c>
      <c r="E10" s="106" t="s">
        <v>67</v>
      </c>
      <c r="F10" s="107" t="s">
        <v>102</v>
      </c>
      <c r="G10" s="214" t="s">
        <v>337</v>
      </c>
      <c r="H10" s="215" t="s">
        <v>4</v>
      </c>
      <c r="I10" s="216"/>
      <c r="J10" s="217" t="s">
        <v>338</v>
      </c>
      <c r="K10" s="79">
        <v>11900</v>
      </c>
      <c r="L10" s="79">
        <v>15900</v>
      </c>
      <c r="M10" s="79">
        <v>23900</v>
      </c>
      <c r="N10" s="16" t="s">
        <v>1</v>
      </c>
      <c r="O10" s="14">
        <v>2500</v>
      </c>
      <c r="P10" s="4">
        <v>1700</v>
      </c>
      <c r="Q10" s="108">
        <v>1700</v>
      </c>
      <c r="R10" s="2">
        <v>2750</v>
      </c>
      <c r="S10" s="3">
        <v>5500</v>
      </c>
      <c r="T10" s="4">
        <v>5500</v>
      </c>
      <c r="U10" s="218" t="s">
        <v>1</v>
      </c>
      <c r="V10" s="109" t="s">
        <v>1</v>
      </c>
      <c r="W10" s="110">
        <v>11500</v>
      </c>
      <c r="X10" s="111" t="s">
        <v>1</v>
      </c>
    </row>
    <row r="11" spans="1:24" ht="75" customHeight="1" x14ac:dyDescent="0.2">
      <c r="A11" s="321"/>
      <c r="B11" s="112" t="s">
        <v>200</v>
      </c>
      <c r="C11" s="113" t="s">
        <v>285</v>
      </c>
      <c r="D11" s="114" t="s">
        <v>57</v>
      </c>
      <c r="E11" s="115" t="s">
        <v>68</v>
      </c>
      <c r="F11" s="116" t="s">
        <v>105</v>
      </c>
      <c r="G11" s="219" t="s">
        <v>223</v>
      </c>
      <c r="H11" s="220" t="s">
        <v>339</v>
      </c>
      <c r="I11" s="221"/>
      <c r="J11" s="222" t="s">
        <v>152</v>
      </c>
      <c r="K11" s="77">
        <v>11900</v>
      </c>
      <c r="L11" s="77">
        <v>15900</v>
      </c>
      <c r="M11" s="77">
        <v>23900</v>
      </c>
      <c r="N11" s="15" t="s">
        <v>1</v>
      </c>
      <c r="O11" s="61">
        <v>1400</v>
      </c>
      <c r="P11" s="8">
        <v>2800</v>
      </c>
      <c r="Q11" s="117">
        <v>2800</v>
      </c>
      <c r="R11" s="11">
        <v>2420</v>
      </c>
      <c r="S11" s="7">
        <v>5500</v>
      </c>
      <c r="T11" s="8">
        <v>5500</v>
      </c>
      <c r="U11" s="223" t="s">
        <v>1</v>
      </c>
      <c r="V11" s="118">
        <v>12600</v>
      </c>
      <c r="W11" s="12" t="s">
        <v>1</v>
      </c>
      <c r="X11" s="119" t="s">
        <v>1</v>
      </c>
    </row>
    <row r="12" spans="1:24" ht="100.05" customHeight="1" x14ac:dyDescent="0.2">
      <c r="A12" s="321"/>
      <c r="B12" s="103" t="s">
        <v>200</v>
      </c>
      <c r="C12" s="104" t="s">
        <v>285</v>
      </c>
      <c r="D12" s="105" t="s">
        <v>45</v>
      </c>
      <c r="E12" s="106" t="s">
        <v>44</v>
      </c>
      <c r="F12" s="120" t="s">
        <v>115</v>
      </c>
      <c r="G12" s="224" t="s">
        <v>220</v>
      </c>
      <c r="H12" s="225" t="s">
        <v>340</v>
      </c>
      <c r="I12" s="226"/>
      <c r="J12" s="227" t="s">
        <v>233</v>
      </c>
      <c r="K12" s="75">
        <v>8600</v>
      </c>
      <c r="L12" s="75">
        <v>12600</v>
      </c>
      <c r="M12" s="75">
        <v>20600</v>
      </c>
      <c r="N12" s="1">
        <v>41800</v>
      </c>
      <c r="O12" s="14">
        <v>1400</v>
      </c>
      <c r="P12" s="4">
        <v>1700</v>
      </c>
      <c r="Q12" s="121">
        <v>350</v>
      </c>
      <c r="R12" s="2">
        <v>2200</v>
      </c>
      <c r="S12" s="3">
        <v>16500</v>
      </c>
      <c r="T12" s="9" t="s">
        <v>1</v>
      </c>
      <c r="U12" s="218" t="s">
        <v>1</v>
      </c>
      <c r="V12" s="109" t="s">
        <v>1</v>
      </c>
      <c r="W12" s="122" t="s">
        <v>1</v>
      </c>
      <c r="X12" s="111" t="s">
        <v>1</v>
      </c>
    </row>
    <row r="13" spans="1:24" ht="75" customHeight="1" x14ac:dyDescent="0.2">
      <c r="A13" s="321"/>
      <c r="B13" s="112" t="s">
        <v>194</v>
      </c>
      <c r="C13" s="123" t="s">
        <v>302</v>
      </c>
      <c r="D13" s="124" t="s">
        <v>94</v>
      </c>
      <c r="E13" s="115" t="s">
        <v>269</v>
      </c>
      <c r="F13" s="125" t="s">
        <v>136</v>
      </c>
      <c r="G13" s="228" t="s">
        <v>378</v>
      </c>
      <c r="H13" s="229" t="s">
        <v>4</v>
      </c>
      <c r="I13" s="230"/>
      <c r="J13" s="231" t="s">
        <v>164</v>
      </c>
      <c r="K13" s="77">
        <v>10800</v>
      </c>
      <c r="L13" s="77">
        <v>14800</v>
      </c>
      <c r="M13" s="77">
        <v>22800</v>
      </c>
      <c r="N13" s="15" t="s">
        <v>1</v>
      </c>
      <c r="O13" s="61">
        <v>850</v>
      </c>
      <c r="P13" s="8">
        <v>1700</v>
      </c>
      <c r="Q13" s="78">
        <v>1700</v>
      </c>
      <c r="R13" s="11" t="s">
        <v>70</v>
      </c>
      <c r="S13" s="7" t="s">
        <v>322</v>
      </c>
      <c r="T13" s="8">
        <v>3300</v>
      </c>
      <c r="U13" s="223" t="s">
        <v>1</v>
      </c>
      <c r="V13" s="139">
        <v>13700</v>
      </c>
      <c r="W13" s="127">
        <v>5450</v>
      </c>
      <c r="X13" s="119" t="s">
        <v>1</v>
      </c>
    </row>
    <row r="14" spans="1:24" ht="75" customHeight="1" x14ac:dyDescent="0.2">
      <c r="A14" s="321"/>
      <c r="B14" s="128" t="s">
        <v>315</v>
      </c>
      <c r="C14" s="129" t="s">
        <v>302</v>
      </c>
      <c r="D14" s="130" t="s">
        <v>92</v>
      </c>
      <c r="E14" s="131" t="s">
        <v>77</v>
      </c>
      <c r="F14" s="132" t="s">
        <v>117</v>
      </c>
      <c r="G14" s="232" t="s">
        <v>395</v>
      </c>
      <c r="H14" s="233" t="s">
        <v>341</v>
      </c>
      <c r="I14" s="234"/>
      <c r="J14" s="235" t="s">
        <v>234</v>
      </c>
      <c r="K14" s="79">
        <v>4200</v>
      </c>
      <c r="L14" s="79">
        <v>8200</v>
      </c>
      <c r="M14" s="79">
        <v>16200</v>
      </c>
      <c r="N14" s="16" t="s">
        <v>1</v>
      </c>
      <c r="O14" s="14">
        <v>850</v>
      </c>
      <c r="P14" s="4">
        <v>1150</v>
      </c>
      <c r="Q14" s="108">
        <v>600</v>
      </c>
      <c r="R14" s="2">
        <v>2200</v>
      </c>
      <c r="S14" s="3">
        <v>3300</v>
      </c>
      <c r="T14" s="4">
        <v>3300</v>
      </c>
      <c r="U14" s="218" t="s">
        <v>323</v>
      </c>
      <c r="V14" s="133">
        <v>2700</v>
      </c>
      <c r="W14" s="2">
        <v>1900</v>
      </c>
      <c r="X14" s="111" t="s">
        <v>1</v>
      </c>
    </row>
    <row r="15" spans="1:24" ht="100.05" customHeight="1" x14ac:dyDescent="0.2">
      <c r="A15" s="321"/>
      <c r="B15" s="112" t="s">
        <v>198</v>
      </c>
      <c r="C15" s="113" t="s">
        <v>286</v>
      </c>
      <c r="D15" s="114" t="s">
        <v>40</v>
      </c>
      <c r="E15" s="115" t="s">
        <v>80</v>
      </c>
      <c r="F15" s="116" t="s">
        <v>120</v>
      </c>
      <c r="G15" s="219" t="s">
        <v>394</v>
      </c>
      <c r="H15" s="220" t="s">
        <v>342</v>
      </c>
      <c r="I15" s="221"/>
      <c r="J15" s="222" t="s">
        <v>236</v>
      </c>
      <c r="K15" s="83">
        <v>13000</v>
      </c>
      <c r="L15" s="83">
        <v>17000</v>
      </c>
      <c r="M15" s="83">
        <v>25000</v>
      </c>
      <c r="N15" s="10">
        <v>22000</v>
      </c>
      <c r="O15" s="61">
        <v>1400</v>
      </c>
      <c r="P15" s="8">
        <v>2800</v>
      </c>
      <c r="Q15" s="78">
        <v>2800</v>
      </c>
      <c r="R15" s="11">
        <v>2200</v>
      </c>
      <c r="S15" s="7">
        <v>5500</v>
      </c>
      <c r="T15" s="13" t="s">
        <v>1</v>
      </c>
      <c r="U15" s="223" t="s">
        <v>1</v>
      </c>
      <c r="V15" s="134">
        <v>15900</v>
      </c>
      <c r="W15" s="135">
        <v>10400</v>
      </c>
      <c r="X15" s="119" t="s">
        <v>1</v>
      </c>
    </row>
    <row r="16" spans="1:24" ht="60" customHeight="1" x14ac:dyDescent="0.2">
      <c r="A16" s="321"/>
      <c r="B16" s="128" t="s">
        <v>193</v>
      </c>
      <c r="C16" s="129" t="s">
        <v>286</v>
      </c>
      <c r="D16" s="130" t="s">
        <v>34</v>
      </c>
      <c r="E16" s="131" t="s">
        <v>270</v>
      </c>
      <c r="F16" s="136" t="s">
        <v>157</v>
      </c>
      <c r="G16" s="236" t="s">
        <v>367</v>
      </c>
      <c r="H16" s="237" t="s">
        <v>4</v>
      </c>
      <c r="I16" s="238"/>
      <c r="J16" s="239" t="s">
        <v>4</v>
      </c>
      <c r="K16" s="79">
        <v>11900</v>
      </c>
      <c r="L16" s="79">
        <v>15900</v>
      </c>
      <c r="M16" s="79">
        <v>23900</v>
      </c>
      <c r="N16" s="91" t="s">
        <v>1</v>
      </c>
      <c r="O16" s="62">
        <v>4700</v>
      </c>
      <c r="P16" s="4">
        <v>1700</v>
      </c>
      <c r="Q16" s="82">
        <v>1700</v>
      </c>
      <c r="R16" s="35">
        <v>2200</v>
      </c>
      <c r="S16" s="3">
        <v>4400</v>
      </c>
      <c r="T16" s="4">
        <v>4400</v>
      </c>
      <c r="U16" s="218" t="s">
        <v>1</v>
      </c>
      <c r="V16" s="137">
        <v>11500</v>
      </c>
      <c r="W16" s="35">
        <v>6000</v>
      </c>
      <c r="X16" s="111" t="s">
        <v>1</v>
      </c>
    </row>
    <row r="17" spans="1:24" ht="100.05" customHeight="1" x14ac:dyDescent="0.2">
      <c r="A17" s="321"/>
      <c r="B17" s="112" t="s">
        <v>193</v>
      </c>
      <c r="C17" s="123" t="s">
        <v>286</v>
      </c>
      <c r="D17" s="124" t="s">
        <v>32</v>
      </c>
      <c r="E17" s="115" t="s">
        <v>82</v>
      </c>
      <c r="F17" s="138" t="s">
        <v>123</v>
      </c>
      <c r="G17" s="228" t="s">
        <v>235</v>
      </c>
      <c r="H17" s="229" t="s">
        <v>4</v>
      </c>
      <c r="I17" s="230"/>
      <c r="J17" s="231" t="s">
        <v>147</v>
      </c>
      <c r="K17" s="77">
        <v>15200</v>
      </c>
      <c r="L17" s="77">
        <v>19200</v>
      </c>
      <c r="M17" s="77">
        <v>27200</v>
      </c>
      <c r="N17" s="15" t="s">
        <v>1</v>
      </c>
      <c r="O17" s="61">
        <v>300</v>
      </c>
      <c r="P17" s="8">
        <v>300</v>
      </c>
      <c r="Q17" s="78">
        <v>350</v>
      </c>
      <c r="R17" s="11">
        <v>3410</v>
      </c>
      <c r="S17" s="7">
        <v>3300</v>
      </c>
      <c r="T17" s="8">
        <v>3300</v>
      </c>
      <c r="U17" s="223" t="s">
        <v>1</v>
      </c>
      <c r="V17" s="139">
        <v>11500</v>
      </c>
      <c r="W17" s="127">
        <v>6000</v>
      </c>
      <c r="X17" s="119" t="s">
        <v>1</v>
      </c>
    </row>
    <row r="18" spans="1:24" ht="70.05" customHeight="1" x14ac:dyDescent="0.2">
      <c r="A18" s="321"/>
      <c r="B18" s="128" t="s">
        <v>212</v>
      </c>
      <c r="C18" s="129" t="s">
        <v>287</v>
      </c>
      <c r="D18" s="130" t="s">
        <v>36</v>
      </c>
      <c r="E18" s="131" t="s">
        <v>271</v>
      </c>
      <c r="F18" s="136" t="s">
        <v>145</v>
      </c>
      <c r="G18" s="236" t="s">
        <v>343</v>
      </c>
      <c r="H18" s="240" t="s">
        <v>160</v>
      </c>
      <c r="I18" s="238"/>
      <c r="J18" s="239" t="s">
        <v>4</v>
      </c>
      <c r="K18" s="79">
        <v>18500</v>
      </c>
      <c r="L18" s="79">
        <v>22500</v>
      </c>
      <c r="M18" s="79">
        <v>30500</v>
      </c>
      <c r="N18" s="16" t="s">
        <v>1</v>
      </c>
      <c r="O18" s="14">
        <v>200</v>
      </c>
      <c r="P18" s="4">
        <v>300</v>
      </c>
      <c r="Q18" s="81" t="s">
        <v>1</v>
      </c>
      <c r="R18" s="23" t="s">
        <v>70</v>
      </c>
      <c r="S18" s="3">
        <v>3300</v>
      </c>
      <c r="T18" s="9" t="s">
        <v>1</v>
      </c>
      <c r="U18" s="241" t="s">
        <v>324</v>
      </c>
      <c r="V18" s="140" t="s">
        <v>1</v>
      </c>
      <c r="W18" s="35">
        <v>12600</v>
      </c>
      <c r="X18" s="111" t="s">
        <v>1</v>
      </c>
    </row>
    <row r="19" spans="1:24" ht="160.05000000000001" customHeight="1" x14ac:dyDescent="0.2">
      <c r="A19" s="321"/>
      <c r="B19" s="112" t="s">
        <v>316</v>
      </c>
      <c r="C19" s="113" t="s">
        <v>287</v>
      </c>
      <c r="D19" s="114" t="s">
        <v>33</v>
      </c>
      <c r="E19" s="115" t="s">
        <v>153</v>
      </c>
      <c r="F19" s="116" t="s">
        <v>122</v>
      </c>
      <c r="G19" s="219" t="s">
        <v>220</v>
      </c>
      <c r="H19" s="242" t="s">
        <v>4</v>
      </c>
      <c r="I19" s="221"/>
      <c r="J19" s="222" t="s">
        <v>344</v>
      </c>
      <c r="K19" s="83">
        <v>10800</v>
      </c>
      <c r="L19" s="83">
        <v>14800</v>
      </c>
      <c r="M19" s="83">
        <v>22800</v>
      </c>
      <c r="N19" s="10">
        <v>22000</v>
      </c>
      <c r="O19" s="61">
        <v>1400</v>
      </c>
      <c r="P19" s="8">
        <v>1820</v>
      </c>
      <c r="Q19" s="117">
        <v>600</v>
      </c>
      <c r="R19" s="11">
        <v>2200</v>
      </c>
      <c r="S19" s="7">
        <v>4400</v>
      </c>
      <c r="T19" s="13" t="s">
        <v>1</v>
      </c>
      <c r="U19" s="223" t="s">
        <v>325</v>
      </c>
      <c r="V19" s="139">
        <v>22500</v>
      </c>
      <c r="W19" s="127">
        <v>6000</v>
      </c>
      <c r="X19" s="141">
        <v>31297</v>
      </c>
    </row>
    <row r="20" spans="1:24" ht="75" customHeight="1" x14ac:dyDescent="0.2">
      <c r="A20" s="321"/>
      <c r="B20" s="103" t="s">
        <v>197</v>
      </c>
      <c r="C20" s="104" t="s">
        <v>288</v>
      </c>
      <c r="D20" s="105" t="s">
        <v>39</v>
      </c>
      <c r="E20" s="106" t="s">
        <v>272</v>
      </c>
      <c r="F20" s="107" t="s">
        <v>121</v>
      </c>
      <c r="G20" s="214" t="s">
        <v>238</v>
      </c>
      <c r="H20" s="215" t="s">
        <v>4</v>
      </c>
      <c r="I20" s="216"/>
      <c r="J20" s="217" t="s">
        <v>237</v>
      </c>
      <c r="K20" s="79">
        <v>13550</v>
      </c>
      <c r="L20" s="79">
        <v>17550</v>
      </c>
      <c r="M20" s="79">
        <v>25550</v>
      </c>
      <c r="N20" s="16" t="s">
        <v>1</v>
      </c>
      <c r="O20" s="14">
        <v>1400</v>
      </c>
      <c r="P20" s="4">
        <v>1700</v>
      </c>
      <c r="Q20" s="82">
        <v>600</v>
      </c>
      <c r="R20" s="2">
        <v>2750</v>
      </c>
      <c r="S20" s="14">
        <v>4400</v>
      </c>
      <c r="T20" s="4">
        <v>4400</v>
      </c>
      <c r="U20" s="218" t="s">
        <v>1</v>
      </c>
      <c r="V20" s="142" t="s">
        <v>1</v>
      </c>
      <c r="W20" s="53" t="s">
        <v>1</v>
      </c>
      <c r="X20" s="111" t="s">
        <v>1</v>
      </c>
    </row>
    <row r="21" spans="1:24" ht="60" customHeight="1" x14ac:dyDescent="0.2">
      <c r="A21" s="321"/>
      <c r="B21" s="143" t="s">
        <v>197</v>
      </c>
      <c r="C21" s="113" t="s">
        <v>288</v>
      </c>
      <c r="D21" s="114" t="s">
        <v>35</v>
      </c>
      <c r="E21" s="115" t="s">
        <v>404</v>
      </c>
      <c r="F21" s="144" t="s">
        <v>146</v>
      </c>
      <c r="G21" s="243" t="s">
        <v>368</v>
      </c>
      <c r="H21" s="244" t="s">
        <v>4</v>
      </c>
      <c r="I21" s="245"/>
      <c r="J21" s="246" t="s">
        <v>4</v>
      </c>
      <c r="K21" s="77">
        <v>13000</v>
      </c>
      <c r="L21" s="77">
        <v>17000</v>
      </c>
      <c r="M21" s="77">
        <v>25000</v>
      </c>
      <c r="N21" s="15" t="s">
        <v>1</v>
      </c>
      <c r="O21" s="61">
        <v>5800</v>
      </c>
      <c r="P21" s="8">
        <v>5220</v>
      </c>
      <c r="Q21" s="78">
        <v>2030</v>
      </c>
      <c r="R21" s="11">
        <v>1980</v>
      </c>
      <c r="S21" s="7">
        <v>0</v>
      </c>
      <c r="T21" s="8">
        <v>0</v>
      </c>
      <c r="U21" s="247" t="s">
        <v>326</v>
      </c>
      <c r="V21" s="118">
        <v>33500</v>
      </c>
      <c r="W21" s="12" t="s">
        <v>1</v>
      </c>
      <c r="X21" s="119" t="s">
        <v>1</v>
      </c>
    </row>
    <row r="22" spans="1:24" s="146" customFormat="1" ht="60" customHeight="1" x14ac:dyDescent="0.2">
      <c r="A22" s="321"/>
      <c r="B22" s="145" t="s">
        <v>185</v>
      </c>
      <c r="C22" s="129" t="s">
        <v>289</v>
      </c>
      <c r="D22" s="130" t="s">
        <v>26</v>
      </c>
      <c r="E22" s="131" t="s">
        <v>242</v>
      </c>
      <c r="F22" s="136" t="s">
        <v>158</v>
      </c>
      <c r="G22" s="236" t="s">
        <v>243</v>
      </c>
      <c r="H22" s="237" t="s">
        <v>4</v>
      </c>
      <c r="I22" s="238"/>
      <c r="J22" s="239" t="s">
        <v>4</v>
      </c>
      <c r="K22" s="79">
        <v>11900</v>
      </c>
      <c r="L22" s="79">
        <v>15900</v>
      </c>
      <c r="M22" s="79">
        <v>23900</v>
      </c>
      <c r="N22" s="16" t="s">
        <v>1</v>
      </c>
      <c r="O22" s="14" t="s">
        <v>70</v>
      </c>
      <c r="P22" s="4">
        <v>1700</v>
      </c>
      <c r="Q22" s="81" t="s">
        <v>70</v>
      </c>
      <c r="R22" s="53" t="s">
        <v>70</v>
      </c>
      <c r="S22" s="3">
        <v>4400</v>
      </c>
      <c r="T22" s="4">
        <v>4400</v>
      </c>
      <c r="U22" s="241" t="s">
        <v>1</v>
      </c>
      <c r="V22" s="109" t="s">
        <v>1</v>
      </c>
      <c r="W22" s="122" t="s">
        <v>1</v>
      </c>
      <c r="X22" s="111" t="s">
        <v>1</v>
      </c>
    </row>
    <row r="23" spans="1:24" ht="60" customHeight="1" x14ac:dyDescent="0.2">
      <c r="A23" s="321"/>
      <c r="B23" s="112" t="s">
        <v>186</v>
      </c>
      <c r="C23" s="147" t="s">
        <v>290</v>
      </c>
      <c r="D23" s="114" t="s">
        <v>15</v>
      </c>
      <c r="E23" s="115" t="s">
        <v>403</v>
      </c>
      <c r="F23" s="144" t="s">
        <v>133</v>
      </c>
      <c r="G23" s="243" t="s">
        <v>369</v>
      </c>
      <c r="H23" s="244" t="s">
        <v>4</v>
      </c>
      <c r="I23" s="245"/>
      <c r="J23" s="246" t="s">
        <v>4</v>
      </c>
      <c r="K23" s="77">
        <v>14900</v>
      </c>
      <c r="L23" s="77">
        <v>18900</v>
      </c>
      <c r="M23" s="77">
        <v>26900</v>
      </c>
      <c r="N23" s="15" t="s">
        <v>1</v>
      </c>
      <c r="O23" s="61">
        <v>4170</v>
      </c>
      <c r="P23" s="8">
        <v>2300</v>
      </c>
      <c r="Q23" s="78">
        <v>1130</v>
      </c>
      <c r="R23" s="11">
        <v>3700</v>
      </c>
      <c r="S23" s="7">
        <v>3300</v>
      </c>
      <c r="T23" s="13" t="s">
        <v>1</v>
      </c>
      <c r="U23" s="223" t="s">
        <v>327</v>
      </c>
      <c r="V23" s="118">
        <v>16500</v>
      </c>
      <c r="W23" s="11">
        <v>2418</v>
      </c>
      <c r="X23" s="119" t="s">
        <v>1</v>
      </c>
    </row>
    <row r="24" spans="1:24" ht="60" customHeight="1" x14ac:dyDescent="0.2">
      <c r="A24" s="321"/>
      <c r="B24" s="148" t="s">
        <v>186</v>
      </c>
      <c r="C24" s="104" t="s">
        <v>290</v>
      </c>
      <c r="D24" s="105" t="s">
        <v>20</v>
      </c>
      <c r="E24" s="106" t="s">
        <v>244</v>
      </c>
      <c r="F24" s="248" t="s">
        <v>397</v>
      </c>
      <c r="G24" s="224" t="s">
        <v>370</v>
      </c>
      <c r="H24" s="225" t="s">
        <v>421</v>
      </c>
      <c r="I24" s="226"/>
      <c r="J24" s="227" t="s">
        <v>4</v>
      </c>
      <c r="K24" s="79">
        <v>10000</v>
      </c>
      <c r="L24" s="79">
        <v>14000</v>
      </c>
      <c r="M24" s="79">
        <v>22000</v>
      </c>
      <c r="N24" s="16" t="s">
        <v>1</v>
      </c>
      <c r="O24" s="14">
        <v>740</v>
      </c>
      <c r="P24" s="4">
        <v>1500</v>
      </c>
      <c r="Q24" s="82">
        <v>600</v>
      </c>
      <c r="R24" s="2">
        <v>2500</v>
      </c>
      <c r="S24" s="3">
        <v>3300</v>
      </c>
      <c r="T24" s="9" t="s">
        <v>1</v>
      </c>
      <c r="U24" s="241" t="s">
        <v>1</v>
      </c>
      <c r="V24" s="142" t="s">
        <v>1</v>
      </c>
      <c r="W24" s="53" t="s">
        <v>1</v>
      </c>
      <c r="X24" s="111" t="s">
        <v>1</v>
      </c>
    </row>
    <row r="25" spans="1:24" s="146" customFormat="1" ht="75" customHeight="1" x14ac:dyDescent="0.2">
      <c r="A25" s="321"/>
      <c r="B25" s="149" t="s">
        <v>186</v>
      </c>
      <c r="C25" s="113" t="s">
        <v>290</v>
      </c>
      <c r="D25" s="114" t="s">
        <v>148</v>
      </c>
      <c r="E25" s="115" t="s">
        <v>252</v>
      </c>
      <c r="F25" s="116" t="s">
        <v>396</v>
      </c>
      <c r="G25" s="219" t="s">
        <v>371</v>
      </c>
      <c r="H25" s="242" t="s">
        <v>4</v>
      </c>
      <c r="I25" s="221"/>
      <c r="J25" s="222" t="s">
        <v>4</v>
      </c>
      <c r="K25" s="77">
        <v>15000</v>
      </c>
      <c r="L25" s="77">
        <v>19000</v>
      </c>
      <c r="M25" s="77">
        <v>27000</v>
      </c>
      <c r="N25" s="15" t="s">
        <v>1</v>
      </c>
      <c r="O25" s="61">
        <v>1800</v>
      </c>
      <c r="P25" s="8">
        <v>4100</v>
      </c>
      <c r="Q25" s="78">
        <v>2500</v>
      </c>
      <c r="R25" s="11">
        <v>2300</v>
      </c>
      <c r="S25" s="7">
        <v>0</v>
      </c>
      <c r="T25" s="8">
        <v>0</v>
      </c>
      <c r="U25" s="223" t="s">
        <v>323</v>
      </c>
      <c r="V25" s="126">
        <v>6000</v>
      </c>
      <c r="W25" s="12" t="s">
        <v>1</v>
      </c>
      <c r="X25" s="119" t="s">
        <v>1</v>
      </c>
    </row>
    <row r="26" spans="1:24" s="146" customFormat="1" ht="60" customHeight="1" x14ac:dyDescent="0.2">
      <c r="A26" s="322"/>
      <c r="B26" s="145" t="s">
        <v>183</v>
      </c>
      <c r="C26" s="129" t="s">
        <v>408</v>
      </c>
      <c r="D26" s="130" t="s">
        <v>19</v>
      </c>
      <c r="E26" s="131" t="s">
        <v>86</v>
      </c>
      <c r="F26" s="136" t="s">
        <v>131</v>
      </c>
      <c r="G26" s="232" t="s">
        <v>245</v>
      </c>
      <c r="H26" s="233" t="s">
        <v>345</v>
      </c>
      <c r="I26" s="234"/>
      <c r="J26" s="235" t="s">
        <v>4</v>
      </c>
      <c r="K26" s="85">
        <v>11130</v>
      </c>
      <c r="L26" s="85">
        <v>15130</v>
      </c>
      <c r="M26" s="85">
        <v>23130</v>
      </c>
      <c r="N26" s="1">
        <v>21505</v>
      </c>
      <c r="O26" s="62">
        <v>2225</v>
      </c>
      <c r="P26" s="56">
        <v>1425</v>
      </c>
      <c r="Q26" s="49">
        <v>1425</v>
      </c>
      <c r="R26" s="53" t="s">
        <v>70</v>
      </c>
      <c r="S26" s="3">
        <v>2200</v>
      </c>
      <c r="T26" s="4">
        <v>2200</v>
      </c>
      <c r="U26" s="241" t="s">
        <v>1</v>
      </c>
      <c r="V26" s="133">
        <v>17000</v>
      </c>
      <c r="W26" s="2">
        <v>8530</v>
      </c>
      <c r="X26" s="150">
        <v>48000</v>
      </c>
    </row>
    <row r="27" spans="1:24" ht="60" customHeight="1" x14ac:dyDescent="0.2">
      <c r="A27" s="326" t="s">
        <v>261</v>
      </c>
      <c r="B27" s="112" t="s">
        <v>192</v>
      </c>
      <c r="C27" s="147" t="s">
        <v>303</v>
      </c>
      <c r="D27" s="114" t="s">
        <v>93</v>
      </c>
      <c r="E27" s="115" t="s">
        <v>273</v>
      </c>
      <c r="F27" s="144" t="s">
        <v>135</v>
      </c>
      <c r="G27" s="243" t="s">
        <v>372</v>
      </c>
      <c r="H27" s="249" t="s">
        <v>248</v>
      </c>
      <c r="I27" s="115"/>
      <c r="J27" s="246" t="s">
        <v>249</v>
      </c>
      <c r="K27" s="77">
        <v>11900</v>
      </c>
      <c r="L27" s="77">
        <v>15900</v>
      </c>
      <c r="M27" s="77">
        <v>23900</v>
      </c>
      <c r="N27" s="15" t="s">
        <v>1</v>
      </c>
      <c r="O27" s="61">
        <v>300</v>
      </c>
      <c r="P27" s="8">
        <v>600</v>
      </c>
      <c r="Q27" s="78">
        <v>600</v>
      </c>
      <c r="R27" s="11">
        <v>2200</v>
      </c>
      <c r="S27" s="17">
        <v>5500</v>
      </c>
      <c r="T27" s="18">
        <v>7700</v>
      </c>
      <c r="U27" s="223" t="s">
        <v>1</v>
      </c>
      <c r="V27" s="152" t="s">
        <v>1</v>
      </c>
      <c r="W27" s="12" t="s">
        <v>1</v>
      </c>
      <c r="X27" s="119" t="s">
        <v>1</v>
      </c>
    </row>
    <row r="28" spans="1:24" ht="75" customHeight="1" x14ac:dyDescent="0.2">
      <c r="A28" s="398"/>
      <c r="B28" s="153" t="s">
        <v>190</v>
      </c>
      <c r="C28" s="154" t="s">
        <v>304</v>
      </c>
      <c r="D28" s="155" t="s">
        <v>29</v>
      </c>
      <c r="E28" s="156" t="s">
        <v>155</v>
      </c>
      <c r="F28" s="157" t="s">
        <v>103</v>
      </c>
      <c r="G28" s="250" t="s">
        <v>346</v>
      </c>
      <c r="H28" s="251" t="s">
        <v>4</v>
      </c>
      <c r="I28" s="252"/>
      <c r="J28" s="253" t="s">
        <v>221</v>
      </c>
      <c r="K28" s="76">
        <v>9700</v>
      </c>
      <c r="L28" s="76">
        <v>13700</v>
      </c>
      <c r="M28" s="76">
        <v>21700</v>
      </c>
      <c r="N28" s="24" t="s">
        <v>1</v>
      </c>
      <c r="O28" s="63">
        <v>1400</v>
      </c>
      <c r="P28" s="21">
        <v>600</v>
      </c>
      <c r="Q28" s="84">
        <v>600</v>
      </c>
      <c r="R28" s="19">
        <v>2310</v>
      </c>
      <c r="S28" s="20">
        <v>5500</v>
      </c>
      <c r="T28" s="21">
        <v>5500</v>
      </c>
      <c r="U28" s="254" t="s">
        <v>1</v>
      </c>
      <c r="V28" s="158">
        <v>11500</v>
      </c>
      <c r="W28" s="23" t="s">
        <v>1</v>
      </c>
      <c r="X28" s="159" t="s">
        <v>1</v>
      </c>
    </row>
    <row r="29" spans="1:24" ht="60" customHeight="1" x14ac:dyDescent="0.2">
      <c r="A29" s="398"/>
      <c r="B29" s="112" t="s">
        <v>195</v>
      </c>
      <c r="C29" s="113" t="s">
        <v>305</v>
      </c>
      <c r="D29" s="114" t="s">
        <v>30</v>
      </c>
      <c r="E29" s="115" t="s">
        <v>274</v>
      </c>
      <c r="F29" s="144" t="s">
        <v>125</v>
      </c>
      <c r="G29" s="219" t="s">
        <v>373</v>
      </c>
      <c r="H29" s="242" t="s">
        <v>416</v>
      </c>
      <c r="I29" s="221"/>
      <c r="J29" s="222" t="s">
        <v>4</v>
      </c>
      <c r="K29" s="80">
        <v>16300</v>
      </c>
      <c r="L29" s="80">
        <v>20300</v>
      </c>
      <c r="M29" s="80">
        <v>28300</v>
      </c>
      <c r="N29" s="10">
        <v>20900</v>
      </c>
      <c r="O29" s="61">
        <v>1400</v>
      </c>
      <c r="P29" s="8">
        <v>1700</v>
      </c>
      <c r="Q29" s="78">
        <v>1700</v>
      </c>
      <c r="R29" s="11">
        <v>3300</v>
      </c>
      <c r="S29" s="22" t="s">
        <v>1</v>
      </c>
      <c r="T29" s="8">
        <v>6600</v>
      </c>
      <c r="U29" s="247" t="s">
        <v>1</v>
      </c>
      <c r="V29" s="118">
        <v>22500</v>
      </c>
      <c r="W29" s="11">
        <v>11500</v>
      </c>
      <c r="X29" s="119" t="s">
        <v>1</v>
      </c>
    </row>
    <row r="30" spans="1:24" ht="60" customHeight="1" x14ac:dyDescent="0.2">
      <c r="A30" s="398"/>
      <c r="B30" s="103" t="s">
        <v>195</v>
      </c>
      <c r="C30" s="104" t="s">
        <v>305</v>
      </c>
      <c r="D30" s="105" t="s">
        <v>25</v>
      </c>
      <c r="E30" s="106" t="s">
        <v>9</v>
      </c>
      <c r="F30" s="107" t="s">
        <v>417</v>
      </c>
      <c r="G30" s="214" t="s">
        <v>374</v>
      </c>
      <c r="H30" s="215" t="s">
        <v>4</v>
      </c>
      <c r="I30" s="216"/>
      <c r="J30" s="217" t="s">
        <v>4</v>
      </c>
      <c r="K30" s="79">
        <v>10800</v>
      </c>
      <c r="L30" s="79">
        <v>14800</v>
      </c>
      <c r="M30" s="79">
        <v>22800</v>
      </c>
      <c r="N30" s="16" t="s">
        <v>1</v>
      </c>
      <c r="O30" s="14">
        <v>300</v>
      </c>
      <c r="P30" s="4" t="s">
        <v>70</v>
      </c>
      <c r="Q30" s="82">
        <v>350</v>
      </c>
      <c r="R30" s="23" t="s">
        <v>70</v>
      </c>
      <c r="S30" s="3">
        <v>3300</v>
      </c>
      <c r="T30" s="4">
        <v>3300</v>
      </c>
      <c r="U30" s="241" t="s">
        <v>328</v>
      </c>
      <c r="V30" s="160">
        <v>12600</v>
      </c>
      <c r="W30" s="110">
        <v>3800</v>
      </c>
      <c r="X30" s="111" t="s">
        <v>1</v>
      </c>
    </row>
    <row r="31" spans="1:24" s="161" customFormat="1" ht="220.05" customHeight="1" x14ac:dyDescent="0.2">
      <c r="A31" s="327"/>
      <c r="B31" s="112" t="s">
        <v>196</v>
      </c>
      <c r="C31" s="255" t="s">
        <v>306</v>
      </c>
      <c r="D31" s="124" t="s">
        <v>12</v>
      </c>
      <c r="E31" s="115" t="s">
        <v>275</v>
      </c>
      <c r="F31" s="138" t="s">
        <v>137</v>
      </c>
      <c r="G31" s="228" t="s">
        <v>393</v>
      </c>
      <c r="H31" s="256" t="s">
        <v>347</v>
      </c>
      <c r="I31" s="230"/>
      <c r="J31" s="231" t="s">
        <v>348</v>
      </c>
      <c r="K31" s="77">
        <v>8600</v>
      </c>
      <c r="L31" s="77">
        <v>12600</v>
      </c>
      <c r="M31" s="77">
        <v>20600</v>
      </c>
      <c r="N31" s="15" t="s">
        <v>1</v>
      </c>
      <c r="O31" s="61">
        <v>300</v>
      </c>
      <c r="P31" s="8">
        <v>600</v>
      </c>
      <c r="Q31" s="78">
        <v>600</v>
      </c>
      <c r="R31" s="11">
        <v>1650</v>
      </c>
      <c r="S31" s="7">
        <v>5500</v>
      </c>
      <c r="T31" s="13" t="s">
        <v>1</v>
      </c>
      <c r="U31" s="223" t="s">
        <v>1</v>
      </c>
      <c r="V31" s="152" t="s">
        <v>1</v>
      </c>
      <c r="W31" s="12" t="s">
        <v>1</v>
      </c>
      <c r="X31" s="119" t="s">
        <v>1</v>
      </c>
    </row>
    <row r="32" spans="1:24" s="146" customFormat="1" ht="130.05000000000001" customHeight="1" x14ac:dyDescent="0.2">
      <c r="A32" s="299" t="s">
        <v>262</v>
      </c>
      <c r="B32" s="145" t="s">
        <v>191</v>
      </c>
      <c r="C32" s="163" t="s">
        <v>285</v>
      </c>
      <c r="D32" s="130" t="s">
        <v>48</v>
      </c>
      <c r="E32" s="131" t="s">
        <v>76</v>
      </c>
      <c r="F32" s="136" t="s">
        <v>113</v>
      </c>
      <c r="G32" s="236" t="s">
        <v>232</v>
      </c>
      <c r="H32" s="240" t="s">
        <v>349</v>
      </c>
      <c r="I32" s="238"/>
      <c r="J32" s="239" t="s">
        <v>162</v>
      </c>
      <c r="K32" s="79">
        <v>11900</v>
      </c>
      <c r="L32" s="79">
        <v>15900</v>
      </c>
      <c r="M32" s="79">
        <v>23900</v>
      </c>
      <c r="N32" s="5">
        <v>27500</v>
      </c>
      <c r="O32" s="14">
        <v>2500</v>
      </c>
      <c r="P32" s="4">
        <v>2800</v>
      </c>
      <c r="Q32" s="82">
        <v>1700</v>
      </c>
      <c r="R32" s="2">
        <v>3300</v>
      </c>
      <c r="S32" s="3">
        <v>5500</v>
      </c>
      <c r="T32" s="9" t="s">
        <v>1</v>
      </c>
      <c r="U32" s="241" t="s">
        <v>325</v>
      </c>
      <c r="V32" s="164" t="s">
        <v>1</v>
      </c>
      <c r="W32" s="23" t="s">
        <v>1</v>
      </c>
      <c r="X32" s="111" t="s">
        <v>1</v>
      </c>
    </row>
    <row r="33" spans="1:24" ht="70.05" customHeight="1" x14ac:dyDescent="0.2">
      <c r="A33" s="316"/>
      <c r="B33" s="149" t="s">
        <v>191</v>
      </c>
      <c r="C33" s="113" t="s">
        <v>291</v>
      </c>
      <c r="D33" s="114" t="s">
        <v>10</v>
      </c>
      <c r="E33" s="115" t="s">
        <v>276</v>
      </c>
      <c r="F33" s="144" t="s">
        <v>139</v>
      </c>
      <c r="G33" s="243" t="s">
        <v>350</v>
      </c>
      <c r="H33" s="249" t="s">
        <v>351</v>
      </c>
      <c r="I33" s="245"/>
      <c r="J33" s="246" t="s">
        <v>4</v>
      </c>
      <c r="K33" s="77">
        <v>15200</v>
      </c>
      <c r="L33" s="77">
        <v>19200</v>
      </c>
      <c r="M33" s="77">
        <v>27200</v>
      </c>
      <c r="N33" s="15" t="s">
        <v>1</v>
      </c>
      <c r="O33" s="61">
        <v>2060</v>
      </c>
      <c r="P33" s="8">
        <v>3900</v>
      </c>
      <c r="Q33" s="78">
        <v>1150</v>
      </c>
      <c r="R33" s="11">
        <v>2750</v>
      </c>
      <c r="S33" s="7">
        <v>6600</v>
      </c>
      <c r="T33" s="8">
        <v>6600</v>
      </c>
      <c r="U33" s="247" t="s">
        <v>1</v>
      </c>
      <c r="V33" s="152" t="s">
        <v>1</v>
      </c>
      <c r="W33" s="12" t="s">
        <v>1</v>
      </c>
      <c r="X33" s="119" t="s">
        <v>1</v>
      </c>
    </row>
    <row r="34" spans="1:24" ht="109.95" customHeight="1" x14ac:dyDescent="0.2">
      <c r="A34" s="316"/>
      <c r="B34" s="148" t="s">
        <v>188</v>
      </c>
      <c r="C34" s="104" t="s">
        <v>291</v>
      </c>
      <c r="D34" s="105" t="s">
        <v>63</v>
      </c>
      <c r="E34" s="106" t="s">
        <v>62</v>
      </c>
      <c r="F34" s="120" t="s">
        <v>99</v>
      </c>
      <c r="G34" s="224" t="s">
        <v>245</v>
      </c>
      <c r="H34" s="225" t="s">
        <v>150</v>
      </c>
      <c r="I34" s="226"/>
      <c r="J34" s="227" t="s">
        <v>161</v>
      </c>
      <c r="K34" s="75">
        <v>9700</v>
      </c>
      <c r="L34" s="75">
        <v>13700</v>
      </c>
      <c r="M34" s="75">
        <v>21700</v>
      </c>
      <c r="N34" s="1">
        <v>19800</v>
      </c>
      <c r="O34" s="14">
        <v>300</v>
      </c>
      <c r="P34" s="4">
        <v>600</v>
      </c>
      <c r="Q34" s="81" t="s">
        <v>1</v>
      </c>
      <c r="R34" s="23" t="s">
        <v>70</v>
      </c>
      <c r="S34" s="3">
        <v>4400</v>
      </c>
      <c r="T34" s="9" t="s">
        <v>1</v>
      </c>
      <c r="U34" s="241" t="s">
        <v>329</v>
      </c>
      <c r="V34" s="137">
        <v>20300</v>
      </c>
      <c r="W34" s="35">
        <v>6000</v>
      </c>
      <c r="X34" s="111" t="s">
        <v>1</v>
      </c>
    </row>
    <row r="35" spans="1:24" ht="60" customHeight="1" x14ac:dyDescent="0.2">
      <c r="A35" s="317"/>
      <c r="B35" s="112" t="s">
        <v>199</v>
      </c>
      <c r="C35" s="113" t="s">
        <v>292</v>
      </c>
      <c r="D35" s="114" t="s">
        <v>56</v>
      </c>
      <c r="E35" s="115" t="s">
        <v>277</v>
      </c>
      <c r="F35" s="144" t="s">
        <v>106</v>
      </c>
      <c r="G35" s="243" t="s">
        <v>375</v>
      </c>
      <c r="H35" s="244" t="s">
        <v>4</v>
      </c>
      <c r="I35" s="245"/>
      <c r="J35" s="246" t="s">
        <v>352</v>
      </c>
      <c r="K35" s="77">
        <v>14100</v>
      </c>
      <c r="L35" s="77">
        <v>18100</v>
      </c>
      <c r="M35" s="77">
        <v>26100</v>
      </c>
      <c r="N35" s="15" t="s">
        <v>1</v>
      </c>
      <c r="O35" s="61">
        <v>4700</v>
      </c>
      <c r="P35" s="57">
        <v>8300</v>
      </c>
      <c r="Q35" s="78">
        <v>350</v>
      </c>
      <c r="R35" s="11">
        <v>2860</v>
      </c>
      <c r="S35" s="22" t="s">
        <v>1</v>
      </c>
      <c r="T35" s="8">
        <v>7700</v>
      </c>
      <c r="U35" s="223" t="s">
        <v>323</v>
      </c>
      <c r="V35" s="126">
        <v>11500</v>
      </c>
      <c r="W35" s="127">
        <v>6000</v>
      </c>
      <c r="X35" s="119" t="s">
        <v>1</v>
      </c>
    </row>
    <row r="36" spans="1:24" s="146" customFormat="1" ht="60" customHeight="1" x14ac:dyDescent="0.2">
      <c r="A36" s="162" t="s">
        <v>263</v>
      </c>
      <c r="B36" s="145" t="s">
        <v>189</v>
      </c>
      <c r="C36" s="163" t="s">
        <v>293</v>
      </c>
      <c r="D36" s="130" t="s">
        <v>43</v>
      </c>
      <c r="E36" s="131" t="s">
        <v>402</v>
      </c>
      <c r="F36" s="136" t="s">
        <v>116</v>
      </c>
      <c r="G36" s="236" t="s">
        <v>392</v>
      </c>
      <c r="H36" s="237" t="s">
        <v>4</v>
      </c>
      <c r="I36" s="238"/>
      <c r="J36" s="257" t="s">
        <v>4</v>
      </c>
      <c r="K36" s="79">
        <v>11900</v>
      </c>
      <c r="L36" s="79">
        <v>15900</v>
      </c>
      <c r="M36" s="79">
        <v>23900</v>
      </c>
      <c r="N36" s="16" t="s">
        <v>1</v>
      </c>
      <c r="O36" s="14">
        <v>2500</v>
      </c>
      <c r="P36" s="4">
        <v>2800</v>
      </c>
      <c r="Q36" s="82">
        <v>2800</v>
      </c>
      <c r="R36" s="2">
        <v>2640</v>
      </c>
      <c r="S36" s="3">
        <v>7700</v>
      </c>
      <c r="T36" s="9" t="s">
        <v>1</v>
      </c>
      <c r="U36" s="241" t="s">
        <v>330</v>
      </c>
      <c r="V36" s="164" t="s">
        <v>1</v>
      </c>
      <c r="W36" s="2">
        <v>11500</v>
      </c>
      <c r="X36" s="111" t="s">
        <v>1</v>
      </c>
    </row>
    <row r="37" spans="1:24" ht="75" customHeight="1" x14ac:dyDescent="0.2">
      <c r="A37" s="299" t="s">
        <v>166</v>
      </c>
      <c r="B37" s="112" t="s">
        <v>206</v>
      </c>
      <c r="C37" s="113" t="s">
        <v>285</v>
      </c>
      <c r="D37" s="114" t="s">
        <v>60</v>
      </c>
      <c r="E37" s="115" t="s">
        <v>142</v>
      </c>
      <c r="F37" s="116" t="s">
        <v>140</v>
      </c>
      <c r="G37" s="219" t="s">
        <v>376</v>
      </c>
      <c r="H37" s="220" t="s">
        <v>353</v>
      </c>
      <c r="I37" s="221"/>
      <c r="J37" s="258" t="s">
        <v>4</v>
      </c>
      <c r="K37" s="77">
        <v>13000</v>
      </c>
      <c r="L37" s="77">
        <v>17000</v>
      </c>
      <c r="M37" s="77">
        <v>25000</v>
      </c>
      <c r="N37" s="15" t="s">
        <v>1</v>
      </c>
      <c r="O37" s="61">
        <v>1400</v>
      </c>
      <c r="P37" s="165">
        <v>2250</v>
      </c>
      <c r="Q37" s="78">
        <v>1150</v>
      </c>
      <c r="R37" s="11">
        <v>2200</v>
      </c>
      <c r="S37" s="7">
        <v>7700</v>
      </c>
      <c r="T37" s="8">
        <v>7700</v>
      </c>
      <c r="U37" s="223" t="s">
        <v>1</v>
      </c>
      <c r="V37" s="126">
        <v>6000</v>
      </c>
      <c r="W37" s="12" t="s">
        <v>1</v>
      </c>
      <c r="X37" s="119" t="s">
        <v>1</v>
      </c>
    </row>
    <row r="38" spans="1:24" ht="60" customHeight="1" x14ac:dyDescent="0.2">
      <c r="A38" s="318"/>
      <c r="B38" s="103" t="s">
        <v>206</v>
      </c>
      <c r="C38" s="104" t="s">
        <v>285</v>
      </c>
      <c r="D38" s="105" t="s">
        <v>21</v>
      </c>
      <c r="E38" s="106" t="s">
        <v>401</v>
      </c>
      <c r="F38" s="107" t="s">
        <v>130</v>
      </c>
      <c r="G38" s="214" t="s">
        <v>377</v>
      </c>
      <c r="H38" s="259" t="s">
        <v>354</v>
      </c>
      <c r="I38" s="216"/>
      <c r="J38" s="260" t="s">
        <v>4</v>
      </c>
      <c r="K38" s="79">
        <v>10800</v>
      </c>
      <c r="L38" s="79">
        <v>14800</v>
      </c>
      <c r="M38" s="79">
        <v>22800</v>
      </c>
      <c r="N38" s="16" t="s">
        <v>1</v>
      </c>
      <c r="O38" s="14">
        <v>4700</v>
      </c>
      <c r="P38" s="4">
        <v>3350</v>
      </c>
      <c r="Q38" s="82">
        <v>2800</v>
      </c>
      <c r="R38" s="2">
        <v>2200</v>
      </c>
      <c r="S38" s="3">
        <v>16500</v>
      </c>
      <c r="T38" s="4">
        <v>16500</v>
      </c>
      <c r="U38" s="218" t="s">
        <v>331</v>
      </c>
      <c r="V38" s="137">
        <v>14500</v>
      </c>
      <c r="W38" s="35">
        <v>10400</v>
      </c>
      <c r="X38" s="111" t="s">
        <v>1</v>
      </c>
    </row>
    <row r="39" spans="1:24" ht="395.4" customHeight="1" x14ac:dyDescent="0.2">
      <c r="A39" s="318"/>
      <c r="B39" s="112" t="s">
        <v>264</v>
      </c>
      <c r="C39" s="113" t="s">
        <v>285</v>
      </c>
      <c r="D39" s="114" t="s">
        <v>16</v>
      </c>
      <c r="E39" s="115" t="s">
        <v>400</v>
      </c>
      <c r="F39" s="144" t="s">
        <v>104</v>
      </c>
      <c r="G39" s="243" t="s">
        <v>220</v>
      </c>
      <c r="H39" s="244" t="s">
        <v>4</v>
      </c>
      <c r="I39" s="245"/>
      <c r="J39" s="151" t="s">
        <v>222</v>
      </c>
      <c r="K39" s="77">
        <v>11900</v>
      </c>
      <c r="L39" s="77">
        <v>15900</v>
      </c>
      <c r="M39" s="77">
        <v>23900</v>
      </c>
      <c r="N39" s="15" t="s">
        <v>1</v>
      </c>
      <c r="O39" s="61">
        <v>2500</v>
      </c>
      <c r="P39" s="8">
        <v>1700</v>
      </c>
      <c r="Q39" s="78">
        <v>1700</v>
      </c>
      <c r="R39" s="11">
        <v>2750</v>
      </c>
      <c r="S39" s="7">
        <v>5500</v>
      </c>
      <c r="T39" s="8">
        <v>5500</v>
      </c>
      <c r="U39" s="223" t="s">
        <v>1</v>
      </c>
      <c r="V39" s="118">
        <v>11500</v>
      </c>
      <c r="W39" s="12" t="s">
        <v>1</v>
      </c>
      <c r="X39" s="119" t="s">
        <v>1</v>
      </c>
    </row>
    <row r="40" spans="1:24" s="146" customFormat="1" ht="100.05" customHeight="1" x14ac:dyDescent="0.2">
      <c r="A40" s="318"/>
      <c r="B40" s="145" t="s">
        <v>206</v>
      </c>
      <c r="C40" s="129" t="s">
        <v>285</v>
      </c>
      <c r="D40" s="130" t="s">
        <v>64</v>
      </c>
      <c r="E40" s="131" t="s">
        <v>278</v>
      </c>
      <c r="F40" s="132" t="s">
        <v>215</v>
      </c>
      <c r="G40" s="232" t="s">
        <v>217</v>
      </c>
      <c r="H40" s="261" t="s">
        <v>4</v>
      </c>
      <c r="I40" s="234"/>
      <c r="J40" s="235" t="s">
        <v>216</v>
      </c>
      <c r="K40" s="79">
        <v>18500</v>
      </c>
      <c r="L40" s="79">
        <v>22500</v>
      </c>
      <c r="M40" s="79">
        <v>30500</v>
      </c>
      <c r="N40" s="16" t="s">
        <v>1</v>
      </c>
      <c r="O40" s="14">
        <v>3380</v>
      </c>
      <c r="P40" s="4">
        <v>3130</v>
      </c>
      <c r="Q40" s="82">
        <v>1260</v>
      </c>
      <c r="R40" s="2">
        <v>2200</v>
      </c>
      <c r="S40" s="3">
        <v>7150</v>
      </c>
      <c r="T40" s="4">
        <v>7150</v>
      </c>
      <c r="U40" s="241" t="s">
        <v>1</v>
      </c>
      <c r="V40" s="109" t="s">
        <v>1</v>
      </c>
      <c r="W40" s="122" t="s">
        <v>1</v>
      </c>
      <c r="X40" s="111" t="s">
        <v>1</v>
      </c>
    </row>
    <row r="41" spans="1:24" ht="160.05000000000001" customHeight="1" x14ac:dyDescent="0.2">
      <c r="A41" s="318"/>
      <c r="B41" s="166" t="s">
        <v>205</v>
      </c>
      <c r="C41" s="167" t="s">
        <v>291</v>
      </c>
      <c r="D41" s="168" t="s">
        <v>65</v>
      </c>
      <c r="E41" s="169" t="s">
        <v>279</v>
      </c>
      <c r="F41" s="67" t="s">
        <v>98</v>
      </c>
      <c r="G41" s="89" t="s">
        <v>217</v>
      </c>
      <c r="H41" s="88" t="s">
        <v>4</v>
      </c>
      <c r="I41" s="87"/>
      <c r="J41" s="262"/>
      <c r="K41" s="36">
        <v>10800</v>
      </c>
      <c r="L41" s="36">
        <v>14800</v>
      </c>
      <c r="M41" s="36">
        <v>22800</v>
      </c>
      <c r="N41" s="39" t="s">
        <v>1</v>
      </c>
      <c r="O41" s="64">
        <v>2500</v>
      </c>
      <c r="P41" s="38">
        <v>1700</v>
      </c>
      <c r="Q41" s="50">
        <v>1700</v>
      </c>
      <c r="R41" s="40">
        <v>2200</v>
      </c>
      <c r="S41" s="37">
        <v>9900</v>
      </c>
      <c r="T41" s="38">
        <v>9900</v>
      </c>
      <c r="U41" s="263" t="s">
        <v>1</v>
      </c>
      <c r="V41" s="170" t="s">
        <v>1</v>
      </c>
      <c r="W41" s="54" t="s">
        <v>1</v>
      </c>
      <c r="X41" s="171" t="s">
        <v>1</v>
      </c>
    </row>
    <row r="42" spans="1:24" ht="75" customHeight="1" x14ac:dyDescent="0.2">
      <c r="A42" s="300"/>
      <c r="B42" s="103" t="s">
        <v>207</v>
      </c>
      <c r="C42" s="104" t="s">
        <v>291</v>
      </c>
      <c r="D42" s="105" t="s">
        <v>18</v>
      </c>
      <c r="E42" s="106" t="s">
        <v>87</v>
      </c>
      <c r="F42" s="107" t="s">
        <v>132</v>
      </c>
      <c r="G42" s="214" t="s">
        <v>246</v>
      </c>
      <c r="H42" s="215" t="s">
        <v>4</v>
      </c>
      <c r="I42" s="216"/>
      <c r="J42" s="217" t="s">
        <v>163</v>
      </c>
      <c r="K42" s="79">
        <v>16850</v>
      </c>
      <c r="L42" s="79">
        <v>20850</v>
      </c>
      <c r="M42" s="79">
        <v>28850</v>
      </c>
      <c r="N42" s="16" t="s">
        <v>1</v>
      </c>
      <c r="O42" s="14">
        <v>5800</v>
      </c>
      <c r="P42" s="4">
        <v>2800</v>
      </c>
      <c r="Q42" s="81" t="s">
        <v>1</v>
      </c>
      <c r="R42" s="2">
        <v>4400</v>
      </c>
      <c r="S42" s="3">
        <v>5500</v>
      </c>
      <c r="T42" s="4">
        <v>5500</v>
      </c>
      <c r="U42" s="218" t="s">
        <v>332</v>
      </c>
      <c r="V42" s="160">
        <v>35920</v>
      </c>
      <c r="W42" s="110">
        <v>8200</v>
      </c>
      <c r="X42" s="150">
        <v>59000</v>
      </c>
    </row>
    <row r="43" spans="1:24" ht="75" customHeight="1" x14ac:dyDescent="0.2">
      <c r="A43" s="301" t="s">
        <v>165</v>
      </c>
      <c r="B43" s="172" t="s">
        <v>176</v>
      </c>
      <c r="C43" s="167" t="s">
        <v>307</v>
      </c>
      <c r="D43" s="168" t="s">
        <v>52</v>
      </c>
      <c r="E43" s="169" t="s">
        <v>72</v>
      </c>
      <c r="F43" s="264" t="s">
        <v>398</v>
      </c>
      <c r="G43" s="265" t="s">
        <v>391</v>
      </c>
      <c r="H43" s="266" t="s">
        <v>229</v>
      </c>
      <c r="I43" s="267"/>
      <c r="J43" s="268" t="s">
        <v>420</v>
      </c>
      <c r="K43" s="36">
        <v>18500</v>
      </c>
      <c r="L43" s="36">
        <v>22500</v>
      </c>
      <c r="M43" s="36">
        <v>30500</v>
      </c>
      <c r="N43" s="39" t="s">
        <v>1</v>
      </c>
      <c r="O43" s="64">
        <v>2500</v>
      </c>
      <c r="P43" s="38">
        <v>5000</v>
      </c>
      <c r="Q43" s="174">
        <v>5000</v>
      </c>
      <c r="R43" s="40">
        <v>2750</v>
      </c>
      <c r="S43" s="37">
        <v>11000</v>
      </c>
      <c r="T43" s="38">
        <v>11000</v>
      </c>
      <c r="U43" s="269" t="s">
        <v>323</v>
      </c>
      <c r="V43" s="170" t="s">
        <v>1</v>
      </c>
      <c r="W43" s="40">
        <v>3800</v>
      </c>
      <c r="X43" s="175" t="s">
        <v>1</v>
      </c>
    </row>
    <row r="44" spans="1:24" ht="55.95" customHeight="1" x14ac:dyDescent="0.2">
      <c r="A44" s="302"/>
      <c r="B44" s="148" t="s">
        <v>171</v>
      </c>
      <c r="C44" s="104" t="s">
        <v>308</v>
      </c>
      <c r="D44" s="105" t="s">
        <v>50</v>
      </c>
      <c r="E44" s="106" t="s">
        <v>74</v>
      </c>
      <c r="F44" s="120" t="s">
        <v>111</v>
      </c>
      <c r="G44" s="224" t="s">
        <v>390</v>
      </c>
      <c r="H44" s="270"/>
      <c r="I44" s="226"/>
      <c r="J44" s="271" t="s">
        <v>4</v>
      </c>
      <c r="K44" s="79">
        <v>15200</v>
      </c>
      <c r="L44" s="79">
        <v>19200</v>
      </c>
      <c r="M44" s="79">
        <v>27200</v>
      </c>
      <c r="N44" s="16" t="s">
        <v>1</v>
      </c>
      <c r="O44" s="14">
        <v>1400</v>
      </c>
      <c r="P44" s="4">
        <v>2800</v>
      </c>
      <c r="Q44" s="82">
        <v>600</v>
      </c>
      <c r="R44" s="2">
        <v>2200</v>
      </c>
      <c r="S44" s="3">
        <v>2750</v>
      </c>
      <c r="T44" s="176" t="s">
        <v>1</v>
      </c>
      <c r="U44" s="241" t="s">
        <v>321</v>
      </c>
      <c r="V44" s="142" t="s">
        <v>1</v>
      </c>
      <c r="W44" s="53" t="s">
        <v>1</v>
      </c>
      <c r="X44" s="111" t="s">
        <v>1</v>
      </c>
    </row>
    <row r="45" spans="1:24" ht="55.95" customHeight="1" x14ac:dyDescent="0.2">
      <c r="A45" s="302"/>
      <c r="B45" s="149" t="s">
        <v>171</v>
      </c>
      <c r="C45" s="113" t="s">
        <v>308</v>
      </c>
      <c r="D45" s="114" t="s">
        <v>11</v>
      </c>
      <c r="E45" s="115" t="s">
        <v>90</v>
      </c>
      <c r="F45" s="116" t="s">
        <v>138</v>
      </c>
      <c r="G45" s="219" t="s">
        <v>245</v>
      </c>
      <c r="H45" s="242" t="s">
        <v>4</v>
      </c>
      <c r="I45" s="221"/>
      <c r="J45" s="258" t="s">
        <v>4</v>
      </c>
      <c r="K45" s="77">
        <v>13000</v>
      </c>
      <c r="L45" s="77">
        <v>17000</v>
      </c>
      <c r="M45" s="77">
        <v>25000</v>
      </c>
      <c r="N45" s="15" t="s">
        <v>1</v>
      </c>
      <c r="O45" s="61">
        <v>2500</v>
      </c>
      <c r="P45" s="8">
        <v>1700</v>
      </c>
      <c r="Q45" s="78">
        <v>1700</v>
      </c>
      <c r="R45" s="11">
        <v>3300</v>
      </c>
      <c r="S45" s="92">
        <v>3300</v>
      </c>
      <c r="T45" s="93">
        <v>3300</v>
      </c>
      <c r="U45" s="247" t="s">
        <v>321</v>
      </c>
      <c r="V45" s="177">
        <v>6000</v>
      </c>
      <c r="W45" s="127">
        <v>2500</v>
      </c>
      <c r="X45" s="141">
        <v>48000</v>
      </c>
    </row>
    <row r="46" spans="1:24" ht="75" customHeight="1" x14ac:dyDescent="0.2">
      <c r="A46" s="302"/>
      <c r="B46" s="145" t="s">
        <v>170</v>
      </c>
      <c r="C46" s="129" t="s">
        <v>304</v>
      </c>
      <c r="D46" s="130" t="s">
        <v>31</v>
      </c>
      <c r="E46" s="131" t="s">
        <v>83</v>
      </c>
      <c r="F46" s="132" t="s">
        <v>124</v>
      </c>
      <c r="G46" s="232" t="s">
        <v>220</v>
      </c>
      <c r="H46" s="261" t="s">
        <v>4</v>
      </c>
      <c r="I46" s="234"/>
      <c r="J46" s="235" t="s">
        <v>241</v>
      </c>
      <c r="K46" s="75">
        <v>10800</v>
      </c>
      <c r="L46" s="75">
        <v>14800</v>
      </c>
      <c r="M46" s="75">
        <v>22800</v>
      </c>
      <c r="N46" s="1">
        <v>24200</v>
      </c>
      <c r="O46" s="14">
        <v>1400</v>
      </c>
      <c r="P46" s="4">
        <v>1700</v>
      </c>
      <c r="Q46" s="82">
        <v>600</v>
      </c>
      <c r="R46" s="2">
        <v>3080</v>
      </c>
      <c r="S46" s="29">
        <v>8800</v>
      </c>
      <c r="T46" s="30">
        <v>9900</v>
      </c>
      <c r="U46" s="241" t="s">
        <v>333</v>
      </c>
      <c r="V46" s="137">
        <v>11500</v>
      </c>
      <c r="W46" s="35">
        <v>8750</v>
      </c>
      <c r="X46" s="111" t="s">
        <v>1</v>
      </c>
    </row>
    <row r="47" spans="1:24" ht="220.05" customHeight="1" x14ac:dyDescent="0.2">
      <c r="A47" s="302"/>
      <c r="B47" s="172" t="s">
        <v>184</v>
      </c>
      <c r="C47" s="167" t="s">
        <v>294</v>
      </c>
      <c r="D47" s="168" t="s">
        <v>22</v>
      </c>
      <c r="E47" s="169" t="s">
        <v>407</v>
      </c>
      <c r="F47" s="67" t="s">
        <v>129</v>
      </c>
      <c r="G47" s="89" t="s">
        <v>385</v>
      </c>
      <c r="H47" s="88" t="s">
        <v>4</v>
      </c>
      <c r="I47" s="87"/>
      <c r="J47" s="262" t="s">
        <v>355</v>
      </c>
      <c r="K47" s="36">
        <v>10250</v>
      </c>
      <c r="L47" s="36">
        <v>14250</v>
      </c>
      <c r="M47" s="36">
        <v>22250</v>
      </c>
      <c r="N47" s="39" t="s">
        <v>1</v>
      </c>
      <c r="O47" s="64">
        <v>1730</v>
      </c>
      <c r="P47" s="38">
        <v>1700</v>
      </c>
      <c r="Q47" s="50">
        <v>600</v>
      </c>
      <c r="R47" s="40">
        <v>3300</v>
      </c>
      <c r="S47" s="37">
        <v>0</v>
      </c>
      <c r="T47" s="38">
        <v>0</v>
      </c>
      <c r="U47" s="269" t="s">
        <v>409</v>
      </c>
      <c r="V47" s="178">
        <v>14800</v>
      </c>
      <c r="W47" s="40">
        <v>11500</v>
      </c>
      <c r="X47" s="171" t="s">
        <v>1</v>
      </c>
    </row>
    <row r="48" spans="1:24" ht="60" customHeight="1" x14ac:dyDescent="0.2">
      <c r="A48" s="302"/>
      <c r="B48" s="148" t="s">
        <v>175</v>
      </c>
      <c r="C48" s="179" t="s">
        <v>295</v>
      </c>
      <c r="D48" s="105" t="s">
        <v>28</v>
      </c>
      <c r="E48" s="106" t="s">
        <v>280</v>
      </c>
      <c r="F48" s="107" t="s">
        <v>126</v>
      </c>
      <c r="G48" s="214" t="s">
        <v>389</v>
      </c>
      <c r="H48" s="215" t="s">
        <v>4</v>
      </c>
      <c r="I48" s="216"/>
      <c r="J48" s="260" t="s">
        <v>4</v>
      </c>
      <c r="K48" s="79">
        <v>11900</v>
      </c>
      <c r="L48" s="79">
        <v>15900</v>
      </c>
      <c r="M48" s="79">
        <v>23900</v>
      </c>
      <c r="N48" s="16" t="s">
        <v>1</v>
      </c>
      <c r="O48" s="14">
        <v>960</v>
      </c>
      <c r="P48" s="4">
        <v>1150</v>
      </c>
      <c r="Q48" s="82">
        <v>1150</v>
      </c>
      <c r="R48" s="2">
        <v>2970</v>
      </c>
      <c r="S48" s="3">
        <v>3300</v>
      </c>
      <c r="T48" s="4">
        <v>3300</v>
      </c>
      <c r="U48" s="241" t="s">
        <v>1</v>
      </c>
      <c r="V48" s="133">
        <v>19200</v>
      </c>
      <c r="W48" s="2">
        <v>2700</v>
      </c>
      <c r="X48" s="111" t="s">
        <v>1</v>
      </c>
    </row>
    <row r="49" spans="1:24" ht="60" customHeight="1" x14ac:dyDescent="0.2">
      <c r="A49" s="319"/>
      <c r="B49" s="149" t="s">
        <v>175</v>
      </c>
      <c r="C49" s="147" t="s">
        <v>295</v>
      </c>
      <c r="D49" s="114" t="s">
        <v>27</v>
      </c>
      <c r="E49" s="115" t="s">
        <v>154</v>
      </c>
      <c r="F49" s="144" t="s">
        <v>125</v>
      </c>
      <c r="G49" s="243" t="s">
        <v>388</v>
      </c>
      <c r="H49" s="244" t="s">
        <v>415</v>
      </c>
      <c r="I49" s="245"/>
      <c r="J49" s="151" t="s">
        <v>4</v>
      </c>
      <c r="K49" s="77">
        <v>16300</v>
      </c>
      <c r="L49" s="77">
        <v>20300</v>
      </c>
      <c r="M49" s="77">
        <v>28300</v>
      </c>
      <c r="N49" s="6">
        <v>20900</v>
      </c>
      <c r="O49" s="61">
        <v>1400</v>
      </c>
      <c r="P49" s="8">
        <v>1700</v>
      </c>
      <c r="Q49" s="78">
        <v>1700</v>
      </c>
      <c r="R49" s="11">
        <v>3300</v>
      </c>
      <c r="S49" s="22" t="s">
        <v>1</v>
      </c>
      <c r="T49" s="8">
        <v>6600</v>
      </c>
      <c r="U49" s="247" t="s">
        <v>1</v>
      </c>
      <c r="V49" s="152" t="s">
        <v>1</v>
      </c>
      <c r="W49" s="12" t="s">
        <v>1</v>
      </c>
      <c r="X49" s="119" t="s">
        <v>1</v>
      </c>
    </row>
    <row r="50" spans="1:24" ht="160.05000000000001" customHeight="1" x14ac:dyDescent="0.2">
      <c r="A50" s="302"/>
      <c r="B50" s="180" t="s">
        <v>168</v>
      </c>
      <c r="C50" s="181" t="s">
        <v>296</v>
      </c>
      <c r="D50" s="182" t="s">
        <v>38</v>
      </c>
      <c r="E50" s="183" t="s">
        <v>281</v>
      </c>
      <c r="F50" s="184" t="s">
        <v>149</v>
      </c>
      <c r="G50" s="272" t="s">
        <v>387</v>
      </c>
      <c r="H50" s="273" t="s">
        <v>239</v>
      </c>
      <c r="I50" s="274"/>
      <c r="J50" s="275" t="s">
        <v>240</v>
      </c>
      <c r="K50" s="76">
        <v>15200</v>
      </c>
      <c r="L50" s="76">
        <v>19200</v>
      </c>
      <c r="M50" s="76">
        <v>27200</v>
      </c>
      <c r="N50" s="24" t="s">
        <v>1</v>
      </c>
      <c r="O50" s="63" t="s">
        <v>413</v>
      </c>
      <c r="P50" s="58">
        <v>1700</v>
      </c>
      <c r="Q50" s="84" t="s">
        <v>413</v>
      </c>
      <c r="R50" s="19">
        <v>3300</v>
      </c>
      <c r="S50" s="20">
        <v>5500</v>
      </c>
      <c r="T50" s="21">
        <v>8800</v>
      </c>
      <c r="U50" s="254" t="s">
        <v>321</v>
      </c>
      <c r="V50" s="185" t="s">
        <v>1</v>
      </c>
      <c r="W50" s="186" t="s">
        <v>1</v>
      </c>
      <c r="X50" s="187">
        <v>59000</v>
      </c>
    </row>
    <row r="51" spans="1:24" ht="89.4" customHeight="1" x14ac:dyDescent="0.2">
      <c r="A51" s="302"/>
      <c r="B51" s="149" t="s">
        <v>173</v>
      </c>
      <c r="C51" s="147" t="s">
        <v>297</v>
      </c>
      <c r="D51" s="114" t="s">
        <v>37</v>
      </c>
      <c r="E51" s="115" t="s">
        <v>81</v>
      </c>
      <c r="F51" s="144" t="s">
        <v>141</v>
      </c>
      <c r="G51" s="243" t="s">
        <v>343</v>
      </c>
      <c r="H51" s="249" t="s">
        <v>418</v>
      </c>
      <c r="I51" s="245"/>
      <c r="J51" s="151" t="s">
        <v>4</v>
      </c>
      <c r="K51" s="77">
        <v>12000</v>
      </c>
      <c r="L51" s="77">
        <v>16000</v>
      </c>
      <c r="M51" s="77">
        <v>24000</v>
      </c>
      <c r="N51" s="15" t="s">
        <v>1</v>
      </c>
      <c r="O51" s="61">
        <v>300</v>
      </c>
      <c r="P51" s="8">
        <v>1700</v>
      </c>
      <c r="Q51" s="78">
        <v>600</v>
      </c>
      <c r="R51" s="12" t="s">
        <v>70</v>
      </c>
      <c r="S51" s="7">
        <v>5500</v>
      </c>
      <c r="T51" s="13" t="s">
        <v>1</v>
      </c>
      <c r="U51" s="247" t="s">
        <v>1</v>
      </c>
      <c r="V51" s="118">
        <v>22500</v>
      </c>
      <c r="W51" s="276">
        <v>12600</v>
      </c>
      <c r="X51" s="119" t="s">
        <v>1</v>
      </c>
    </row>
    <row r="52" spans="1:24" ht="60" customHeight="1" x14ac:dyDescent="0.2">
      <c r="A52" s="302"/>
      <c r="B52" s="148" t="s">
        <v>173</v>
      </c>
      <c r="C52" s="179" t="s">
        <v>297</v>
      </c>
      <c r="D52" s="105" t="s">
        <v>23</v>
      </c>
      <c r="E52" s="106" t="s">
        <v>85</v>
      </c>
      <c r="F52" s="107" t="s">
        <v>128</v>
      </c>
      <c r="G52" s="214" t="s">
        <v>356</v>
      </c>
      <c r="H52" s="259" t="s">
        <v>151</v>
      </c>
      <c r="I52" s="216"/>
      <c r="J52" s="260" t="s">
        <v>4</v>
      </c>
      <c r="K52" s="79">
        <v>11800</v>
      </c>
      <c r="L52" s="79">
        <v>15800</v>
      </c>
      <c r="M52" s="79">
        <v>23800</v>
      </c>
      <c r="N52" s="16" t="s">
        <v>1</v>
      </c>
      <c r="O52" s="14">
        <v>3600</v>
      </c>
      <c r="P52" s="4">
        <v>2470</v>
      </c>
      <c r="Q52" s="82">
        <v>600</v>
      </c>
      <c r="R52" s="23" t="s">
        <v>70</v>
      </c>
      <c r="S52" s="3">
        <v>0</v>
      </c>
      <c r="T52" s="4">
        <v>0</v>
      </c>
      <c r="U52" s="241" t="s">
        <v>1</v>
      </c>
      <c r="V52" s="133">
        <v>15800</v>
      </c>
      <c r="W52" s="2">
        <v>9050</v>
      </c>
      <c r="X52" s="111" t="s">
        <v>1</v>
      </c>
    </row>
    <row r="53" spans="1:24" ht="130.05000000000001" customHeight="1" x14ac:dyDescent="0.2">
      <c r="A53" s="319"/>
      <c r="B53" s="172" t="s">
        <v>169</v>
      </c>
      <c r="C53" s="167" t="s">
        <v>298</v>
      </c>
      <c r="D53" s="168" t="s">
        <v>24</v>
      </c>
      <c r="E53" s="169" t="s">
        <v>84</v>
      </c>
      <c r="F53" s="173" t="s">
        <v>127</v>
      </c>
      <c r="G53" s="265" t="s">
        <v>357</v>
      </c>
      <c r="H53" s="266" t="s">
        <v>358</v>
      </c>
      <c r="I53" s="267"/>
      <c r="J53" s="277" t="s">
        <v>4</v>
      </c>
      <c r="K53" s="36">
        <v>13000</v>
      </c>
      <c r="L53" s="36">
        <v>17000</v>
      </c>
      <c r="M53" s="36">
        <v>25000</v>
      </c>
      <c r="N53" s="41" t="s">
        <v>1</v>
      </c>
      <c r="O53" s="65">
        <v>1400</v>
      </c>
      <c r="P53" s="59" t="s">
        <v>1</v>
      </c>
      <c r="Q53" s="51">
        <v>1975</v>
      </c>
      <c r="R53" s="42">
        <v>2750</v>
      </c>
      <c r="S53" s="43">
        <v>0</v>
      </c>
      <c r="T53" s="44">
        <v>0</v>
      </c>
      <c r="U53" s="278" t="s">
        <v>334</v>
      </c>
      <c r="V53" s="188" t="s">
        <v>1</v>
      </c>
      <c r="W53" s="189" t="s">
        <v>1</v>
      </c>
      <c r="X53" s="175" t="s">
        <v>1</v>
      </c>
    </row>
    <row r="54" spans="1:24" ht="75" customHeight="1" x14ac:dyDescent="0.2">
      <c r="A54" s="301" t="s">
        <v>265</v>
      </c>
      <c r="B54" s="145" t="s">
        <v>174</v>
      </c>
      <c r="C54" s="129" t="s">
        <v>304</v>
      </c>
      <c r="D54" s="130" t="s">
        <v>156</v>
      </c>
      <c r="E54" s="131" t="s">
        <v>399</v>
      </c>
      <c r="F54" s="132" t="s">
        <v>159</v>
      </c>
      <c r="G54" s="232" t="s">
        <v>386</v>
      </c>
      <c r="H54" s="233" t="s">
        <v>359</v>
      </c>
      <c r="I54" s="234"/>
      <c r="J54" s="235" t="s">
        <v>360</v>
      </c>
      <c r="K54" s="79">
        <v>4200</v>
      </c>
      <c r="L54" s="79">
        <v>8200</v>
      </c>
      <c r="M54" s="79">
        <v>16200</v>
      </c>
      <c r="N54" s="16" t="s">
        <v>1</v>
      </c>
      <c r="O54" s="14">
        <v>1400</v>
      </c>
      <c r="P54" s="4">
        <v>1700</v>
      </c>
      <c r="Q54" s="82">
        <v>600</v>
      </c>
      <c r="R54" s="2">
        <v>3300</v>
      </c>
      <c r="S54" s="3">
        <v>5500</v>
      </c>
      <c r="T54" s="4">
        <v>5500</v>
      </c>
      <c r="U54" s="241" t="s">
        <v>321</v>
      </c>
      <c r="V54" s="137">
        <v>10400</v>
      </c>
      <c r="W54" s="53" t="s">
        <v>1</v>
      </c>
      <c r="X54" s="111" t="s">
        <v>1</v>
      </c>
    </row>
    <row r="55" spans="1:24" ht="75" customHeight="1" x14ac:dyDescent="0.2">
      <c r="A55" s="319"/>
      <c r="B55" s="172" t="s">
        <v>172</v>
      </c>
      <c r="C55" s="190" t="s">
        <v>286</v>
      </c>
      <c r="D55" s="168" t="s">
        <v>91</v>
      </c>
      <c r="E55" s="169" t="s">
        <v>282</v>
      </c>
      <c r="F55" s="173" t="s">
        <v>108</v>
      </c>
      <c r="G55" s="265" t="s">
        <v>385</v>
      </c>
      <c r="H55" s="266" t="s">
        <v>227</v>
      </c>
      <c r="I55" s="279"/>
      <c r="J55" s="268" t="s">
        <v>228</v>
      </c>
      <c r="K55" s="36">
        <v>14100</v>
      </c>
      <c r="L55" s="36">
        <v>18100</v>
      </c>
      <c r="M55" s="36">
        <v>26100</v>
      </c>
      <c r="N55" s="39" t="s">
        <v>1</v>
      </c>
      <c r="O55" s="64">
        <v>2000</v>
      </c>
      <c r="P55" s="38">
        <v>1200</v>
      </c>
      <c r="Q55" s="50">
        <v>1200</v>
      </c>
      <c r="R55" s="54" t="s">
        <v>70</v>
      </c>
      <c r="S55" s="37">
        <v>5500</v>
      </c>
      <c r="T55" s="38">
        <v>5500</v>
      </c>
      <c r="U55" s="269" t="s">
        <v>1</v>
      </c>
      <c r="V55" s="178">
        <v>6000</v>
      </c>
      <c r="W55" s="40">
        <v>2000</v>
      </c>
      <c r="X55" s="171" t="s">
        <v>1</v>
      </c>
    </row>
    <row r="56" spans="1:24" ht="109.95" customHeight="1" x14ac:dyDescent="0.2">
      <c r="A56" s="299" t="s">
        <v>214</v>
      </c>
      <c r="B56" s="103" t="s">
        <v>203</v>
      </c>
      <c r="C56" s="191" t="s">
        <v>309</v>
      </c>
      <c r="D56" s="155" t="s">
        <v>13</v>
      </c>
      <c r="E56" s="156" t="s">
        <v>250</v>
      </c>
      <c r="F56" s="157" t="s">
        <v>251</v>
      </c>
      <c r="G56" s="280" t="s">
        <v>343</v>
      </c>
      <c r="H56" s="281" t="s">
        <v>361</v>
      </c>
      <c r="I56" s="282"/>
      <c r="J56" s="283" t="s">
        <v>362</v>
      </c>
      <c r="K56" s="86">
        <v>14760</v>
      </c>
      <c r="L56" s="86">
        <v>18760</v>
      </c>
      <c r="M56" s="86">
        <v>26760</v>
      </c>
      <c r="N56" s="25">
        <v>14740</v>
      </c>
      <c r="O56" s="63">
        <v>240</v>
      </c>
      <c r="P56" s="192">
        <v>1480</v>
      </c>
      <c r="Q56" s="84">
        <v>350</v>
      </c>
      <c r="R56" s="19">
        <v>1760</v>
      </c>
      <c r="S56" s="20">
        <v>0</v>
      </c>
      <c r="T56" s="21">
        <v>0</v>
      </c>
      <c r="U56" s="284" t="s">
        <v>321</v>
      </c>
      <c r="V56" s="109" t="s">
        <v>1</v>
      </c>
      <c r="W56" s="110">
        <v>10400</v>
      </c>
      <c r="X56" s="159" t="s">
        <v>1</v>
      </c>
    </row>
    <row r="57" spans="1:24" ht="75" customHeight="1" x14ac:dyDescent="0.2">
      <c r="A57" s="318"/>
      <c r="B57" s="193" t="s">
        <v>411</v>
      </c>
      <c r="C57" s="167" t="s">
        <v>310</v>
      </c>
      <c r="D57" s="168" t="s">
        <v>54</v>
      </c>
      <c r="E57" s="169" t="s">
        <v>69</v>
      </c>
      <c r="F57" s="173" t="s">
        <v>144</v>
      </c>
      <c r="G57" s="285" t="s">
        <v>379</v>
      </c>
      <c r="H57" s="286" t="s">
        <v>4</v>
      </c>
      <c r="I57" s="267"/>
      <c r="J57" s="277" t="s">
        <v>4</v>
      </c>
      <c r="K57" s="36">
        <v>14100</v>
      </c>
      <c r="L57" s="36">
        <v>18100</v>
      </c>
      <c r="M57" s="36">
        <v>26100</v>
      </c>
      <c r="N57" s="39" t="s">
        <v>1</v>
      </c>
      <c r="O57" s="64">
        <v>300</v>
      </c>
      <c r="P57" s="38">
        <v>3900</v>
      </c>
      <c r="Q57" s="174">
        <v>3900</v>
      </c>
      <c r="R57" s="54" t="s">
        <v>70</v>
      </c>
      <c r="S57" s="37">
        <v>4400</v>
      </c>
      <c r="T57" s="38">
        <v>5500</v>
      </c>
      <c r="U57" s="263" t="s">
        <v>321</v>
      </c>
      <c r="V57" s="177">
        <v>22500</v>
      </c>
      <c r="W57" s="194">
        <v>17000</v>
      </c>
      <c r="X57" s="171" t="s">
        <v>1</v>
      </c>
    </row>
    <row r="58" spans="1:24" ht="70.05" customHeight="1" x14ac:dyDescent="0.2">
      <c r="A58" s="300"/>
      <c r="B58" s="128" t="s">
        <v>410</v>
      </c>
      <c r="C58" s="129" t="s">
        <v>310</v>
      </c>
      <c r="D58" s="130" t="s">
        <v>41</v>
      </c>
      <c r="E58" s="131" t="s">
        <v>79</v>
      </c>
      <c r="F58" s="136" t="s">
        <v>119</v>
      </c>
      <c r="G58" s="287" t="s">
        <v>380</v>
      </c>
      <c r="H58" s="240" t="s">
        <v>363</v>
      </c>
      <c r="I58" s="238"/>
      <c r="J58" s="257" t="s">
        <v>4</v>
      </c>
      <c r="K58" s="79">
        <v>9700</v>
      </c>
      <c r="L58" s="79">
        <v>13700</v>
      </c>
      <c r="M58" s="79">
        <v>21700</v>
      </c>
      <c r="N58" s="16" t="s">
        <v>1</v>
      </c>
      <c r="O58" s="14">
        <v>1950</v>
      </c>
      <c r="P58" s="4">
        <v>1700</v>
      </c>
      <c r="Q58" s="82">
        <v>1700</v>
      </c>
      <c r="R58" s="2">
        <v>2000</v>
      </c>
      <c r="S58" s="3">
        <v>3300</v>
      </c>
      <c r="T58" s="4">
        <v>3300</v>
      </c>
      <c r="U58" s="218" t="s">
        <v>1</v>
      </c>
      <c r="V58" s="142" t="s">
        <v>1</v>
      </c>
      <c r="W58" s="53" t="s">
        <v>1</v>
      </c>
      <c r="X58" s="111" t="s">
        <v>1</v>
      </c>
    </row>
    <row r="59" spans="1:24" ht="55.95" customHeight="1" x14ac:dyDescent="0.2">
      <c r="A59" s="195" t="s">
        <v>213</v>
      </c>
      <c r="B59" s="112" t="s">
        <v>204</v>
      </c>
      <c r="C59" s="113" t="s">
        <v>311</v>
      </c>
      <c r="D59" s="114" t="s">
        <v>53</v>
      </c>
      <c r="E59" s="115" t="s">
        <v>71</v>
      </c>
      <c r="F59" s="116" t="s">
        <v>109</v>
      </c>
      <c r="G59" s="219" t="s">
        <v>235</v>
      </c>
      <c r="H59" s="242" t="s">
        <v>405</v>
      </c>
      <c r="I59" s="221"/>
      <c r="J59" s="258" t="s">
        <v>4</v>
      </c>
      <c r="K59" s="77">
        <v>19600</v>
      </c>
      <c r="L59" s="77">
        <v>23600</v>
      </c>
      <c r="M59" s="77">
        <v>31600</v>
      </c>
      <c r="N59" s="15" t="s">
        <v>1</v>
      </c>
      <c r="O59" s="61">
        <v>3600</v>
      </c>
      <c r="P59" s="57">
        <v>7200</v>
      </c>
      <c r="Q59" s="117">
        <v>1700</v>
      </c>
      <c r="R59" s="11">
        <v>2200</v>
      </c>
      <c r="S59" s="7">
        <v>5500</v>
      </c>
      <c r="T59" s="8">
        <v>5500</v>
      </c>
      <c r="U59" s="223" t="s">
        <v>1</v>
      </c>
      <c r="V59" s="118">
        <v>39000</v>
      </c>
      <c r="W59" s="11">
        <v>22500</v>
      </c>
      <c r="X59" s="119" t="s">
        <v>1</v>
      </c>
    </row>
    <row r="60" spans="1:24" ht="79.95" customHeight="1" x14ac:dyDescent="0.2">
      <c r="A60" s="299" t="s">
        <v>266</v>
      </c>
      <c r="B60" s="103" t="s">
        <v>202</v>
      </c>
      <c r="C60" s="104" t="s">
        <v>285</v>
      </c>
      <c r="D60" s="105" t="s">
        <v>49</v>
      </c>
      <c r="E60" s="106" t="s">
        <v>75</v>
      </c>
      <c r="F60" s="120" t="s">
        <v>112</v>
      </c>
      <c r="G60" s="224" t="s">
        <v>381</v>
      </c>
      <c r="H60" s="225" t="s">
        <v>364</v>
      </c>
      <c r="I60" s="288"/>
      <c r="J60" s="227" t="s">
        <v>231</v>
      </c>
      <c r="K60" s="79">
        <v>9700</v>
      </c>
      <c r="L60" s="79">
        <v>13700</v>
      </c>
      <c r="M60" s="79">
        <v>21700</v>
      </c>
      <c r="N60" s="16" t="s">
        <v>1</v>
      </c>
      <c r="O60" s="14">
        <v>1400</v>
      </c>
      <c r="P60" s="4">
        <v>600</v>
      </c>
      <c r="Q60" s="108">
        <v>600</v>
      </c>
      <c r="R60" s="2">
        <v>2200</v>
      </c>
      <c r="S60" s="26">
        <v>3300</v>
      </c>
      <c r="T60" s="27">
        <v>5500</v>
      </c>
      <c r="U60" s="218" t="s">
        <v>321</v>
      </c>
      <c r="V60" s="109" t="s">
        <v>1</v>
      </c>
      <c r="W60" s="122" t="s">
        <v>1</v>
      </c>
      <c r="X60" s="111" t="s">
        <v>1</v>
      </c>
    </row>
    <row r="61" spans="1:24" ht="60" customHeight="1" x14ac:dyDescent="0.2">
      <c r="A61" s="300"/>
      <c r="B61" s="112" t="s">
        <v>201</v>
      </c>
      <c r="C61" s="113" t="s">
        <v>312</v>
      </c>
      <c r="D61" s="114" t="s">
        <v>61</v>
      </c>
      <c r="E61" s="115" t="s">
        <v>66</v>
      </c>
      <c r="F61" s="144" t="s">
        <v>100</v>
      </c>
      <c r="G61" s="243" t="s">
        <v>365</v>
      </c>
      <c r="H61" s="244" t="s">
        <v>4</v>
      </c>
      <c r="I61" s="245"/>
      <c r="J61" s="151" t="s">
        <v>4</v>
      </c>
      <c r="K61" s="77">
        <v>12800</v>
      </c>
      <c r="L61" s="77">
        <v>16800</v>
      </c>
      <c r="M61" s="77">
        <v>24800</v>
      </c>
      <c r="N61" s="15" t="s">
        <v>1</v>
      </c>
      <c r="O61" s="61">
        <v>1950</v>
      </c>
      <c r="P61" s="165">
        <v>1200</v>
      </c>
      <c r="Q61" s="78">
        <v>1100</v>
      </c>
      <c r="R61" s="11">
        <v>3080</v>
      </c>
      <c r="S61" s="7">
        <v>5500</v>
      </c>
      <c r="T61" s="13" t="s">
        <v>1</v>
      </c>
      <c r="U61" s="223" t="s">
        <v>1</v>
      </c>
      <c r="V61" s="152" t="s">
        <v>1</v>
      </c>
      <c r="W61" s="12" t="s">
        <v>1</v>
      </c>
      <c r="X61" s="119" t="s">
        <v>1</v>
      </c>
    </row>
    <row r="62" spans="1:24" ht="60" customHeight="1" x14ac:dyDescent="0.2">
      <c r="A62" s="301" t="s">
        <v>267</v>
      </c>
      <c r="B62" s="148" t="s">
        <v>180</v>
      </c>
      <c r="C62" s="104" t="s">
        <v>313</v>
      </c>
      <c r="D62" s="105" t="s">
        <v>47</v>
      </c>
      <c r="E62" s="106" t="s">
        <v>46</v>
      </c>
      <c r="F62" s="120" t="s">
        <v>114</v>
      </c>
      <c r="G62" s="224" t="s">
        <v>384</v>
      </c>
      <c r="H62" s="270" t="s">
        <v>4</v>
      </c>
      <c r="I62" s="226"/>
      <c r="J62" s="271" t="s">
        <v>4</v>
      </c>
      <c r="K62" s="79">
        <v>11900</v>
      </c>
      <c r="L62" s="79">
        <v>15900</v>
      </c>
      <c r="M62" s="79">
        <v>23900</v>
      </c>
      <c r="N62" s="16" t="s">
        <v>1</v>
      </c>
      <c r="O62" s="14">
        <v>1400</v>
      </c>
      <c r="P62" s="4">
        <v>2800</v>
      </c>
      <c r="Q62" s="82">
        <v>600</v>
      </c>
      <c r="R62" s="2">
        <v>3300</v>
      </c>
      <c r="S62" s="28" t="s">
        <v>1</v>
      </c>
      <c r="T62" s="9" t="s">
        <v>1</v>
      </c>
      <c r="U62" s="241" t="s">
        <v>321</v>
      </c>
      <c r="V62" s="164" t="s">
        <v>1</v>
      </c>
      <c r="W62" s="23" t="s">
        <v>1</v>
      </c>
      <c r="X62" s="111" t="s">
        <v>1</v>
      </c>
    </row>
    <row r="63" spans="1:24" s="146" customFormat="1" ht="100.05" customHeight="1" x14ac:dyDescent="0.2">
      <c r="A63" s="302"/>
      <c r="B63" s="149" t="s">
        <v>179</v>
      </c>
      <c r="C63" s="113" t="s">
        <v>314</v>
      </c>
      <c r="D63" s="114" t="s">
        <v>55</v>
      </c>
      <c r="E63" s="115" t="s">
        <v>224</v>
      </c>
      <c r="F63" s="116" t="s">
        <v>107</v>
      </c>
      <c r="G63" s="219" t="s">
        <v>382</v>
      </c>
      <c r="H63" s="220" t="s">
        <v>225</v>
      </c>
      <c r="I63" s="289"/>
      <c r="J63" s="222" t="s">
        <v>226</v>
      </c>
      <c r="K63" s="77">
        <v>11900</v>
      </c>
      <c r="L63" s="77">
        <v>15900</v>
      </c>
      <c r="M63" s="77">
        <v>23900</v>
      </c>
      <c r="N63" s="15" t="s">
        <v>1</v>
      </c>
      <c r="O63" s="61">
        <v>2500</v>
      </c>
      <c r="P63" s="8">
        <v>2800</v>
      </c>
      <c r="Q63" s="78">
        <v>2800</v>
      </c>
      <c r="R63" s="11">
        <v>2200</v>
      </c>
      <c r="S63" s="7">
        <v>6600</v>
      </c>
      <c r="T63" s="8">
        <v>6600</v>
      </c>
      <c r="U63" s="247" t="s">
        <v>1</v>
      </c>
      <c r="V63" s="134">
        <v>13700</v>
      </c>
      <c r="W63" s="135">
        <v>7700</v>
      </c>
      <c r="X63" s="119" t="s">
        <v>1</v>
      </c>
    </row>
    <row r="64" spans="1:24" ht="120" customHeight="1" x14ac:dyDescent="0.2">
      <c r="A64" s="302"/>
      <c r="B64" s="148" t="s">
        <v>178</v>
      </c>
      <c r="C64" s="104" t="s">
        <v>314</v>
      </c>
      <c r="D64" s="105" t="s">
        <v>59</v>
      </c>
      <c r="E64" s="106" t="s">
        <v>8</v>
      </c>
      <c r="F64" s="120" t="s">
        <v>101</v>
      </c>
      <c r="G64" s="224" t="s">
        <v>220</v>
      </c>
      <c r="H64" s="225" t="s">
        <v>218</v>
      </c>
      <c r="I64" s="290"/>
      <c r="J64" s="291" t="s">
        <v>219</v>
      </c>
      <c r="K64" s="79">
        <v>13000</v>
      </c>
      <c r="L64" s="79">
        <v>17000</v>
      </c>
      <c r="M64" s="79">
        <v>25000</v>
      </c>
      <c r="N64" s="16" t="s">
        <v>1</v>
      </c>
      <c r="O64" s="14">
        <v>1400</v>
      </c>
      <c r="P64" s="4">
        <v>1700</v>
      </c>
      <c r="Q64" s="82">
        <v>380</v>
      </c>
      <c r="R64" s="2">
        <v>1980</v>
      </c>
      <c r="S64" s="3">
        <v>6600</v>
      </c>
      <c r="T64" s="9" t="s">
        <v>1</v>
      </c>
      <c r="U64" s="241" t="s">
        <v>1</v>
      </c>
      <c r="V64" s="133">
        <v>12600</v>
      </c>
      <c r="W64" s="2">
        <v>9300</v>
      </c>
      <c r="X64" s="111" t="s">
        <v>1</v>
      </c>
    </row>
    <row r="65" spans="1:24" ht="60" customHeight="1" x14ac:dyDescent="0.2">
      <c r="A65" s="302"/>
      <c r="B65" s="149" t="s">
        <v>177</v>
      </c>
      <c r="C65" s="113" t="s">
        <v>293</v>
      </c>
      <c r="D65" s="114" t="s">
        <v>95</v>
      </c>
      <c r="E65" s="115" t="s">
        <v>283</v>
      </c>
      <c r="F65" s="144" t="s">
        <v>419</v>
      </c>
      <c r="G65" s="243" t="s">
        <v>350</v>
      </c>
      <c r="H65" s="249" t="s">
        <v>351</v>
      </c>
      <c r="I65" s="245"/>
      <c r="J65" s="151" t="s">
        <v>4</v>
      </c>
      <c r="K65" s="77">
        <v>15200</v>
      </c>
      <c r="L65" s="77">
        <v>19200</v>
      </c>
      <c r="M65" s="77">
        <v>27200</v>
      </c>
      <c r="N65" s="15" t="s">
        <v>1</v>
      </c>
      <c r="O65" s="61">
        <v>2060</v>
      </c>
      <c r="P65" s="8">
        <v>3900</v>
      </c>
      <c r="Q65" s="117">
        <v>1150</v>
      </c>
      <c r="R65" s="11">
        <v>2750</v>
      </c>
      <c r="S65" s="7">
        <v>6600</v>
      </c>
      <c r="T65" s="13" t="s">
        <v>1</v>
      </c>
      <c r="U65" s="247" t="s">
        <v>1</v>
      </c>
      <c r="V65" s="152" t="s">
        <v>1</v>
      </c>
      <c r="W65" s="12" t="s">
        <v>1</v>
      </c>
      <c r="X65" s="119" t="s">
        <v>1</v>
      </c>
    </row>
    <row r="66" spans="1:24" s="146" customFormat="1" ht="75" customHeight="1" x14ac:dyDescent="0.2">
      <c r="A66" s="302"/>
      <c r="B66" s="145" t="s">
        <v>181</v>
      </c>
      <c r="C66" s="129" t="s">
        <v>299</v>
      </c>
      <c r="D66" s="130" t="s">
        <v>42</v>
      </c>
      <c r="E66" s="131" t="s">
        <v>78</v>
      </c>
      <c r="F66" s="136" t="s">
        <v>118</v>
      </c>
      <c r="G66" s="236" t="s">
        <v>235</v>
      </c>
      <c r="H66" s="237" t="s">
        <v>4</v>
      </c>
      <c r="I66" s="238"/>
      <c r="J66" s="239" t="s">
        <v>412</v>
      </c>
      <c r="K66" s="79">
        <v>11500</v>
      </c>
      <c r="L66" s="79">
        <v>15500</v>
      </c>
      <c r="M66" s="79">
        <v>23500</v>
      </c>
      <c r="N66" s="16" t="s">
        <v>1</v>
      </c>
      <c r="O66" s="14">
        <v>1950</v>
      </c>
      <c r="P66" s="4">
        <v>380</v>
      </c>
      <c r="Q66" s="81" t="s">
        <v>1</v>
      </c>
      <c r="R66" s="23" t="s">
        <v>70</v>
      </c>
      <c r="S66" s="3">
        <v>0</v>
      </c>
      <c r="T66" s="9" t="s">
        <v>1</v>
      </c>
      <c r="U66" s="241" t="s">
        <v>335</v>
      </c>
      <c r="V66" s="109" t="s">
        <v>1</v>
      </c>
      <c r="W66" s="122" t="s">
        <v>1</v>
      </c>
      <c r="X66" s="111" t="s">
        <v>1</v>
      </c>
    </row>
    <row r="67" spans="1:24" ht="60" customHeight="1" x14ac:dyDescent="0.2">
      <c r="A67" s="302"/>
      <c r="B67" s="166" t="s">
        <v>406</v>
      </c>
      <c r="C67" s="167" t="s">
        <v>293</v>
      </c>
      <c r="D67" s="168" t="s">
        <v>17</v>
      </c>
      <c r="E67" s="169" t="s">
        <v>88</v>
      </c>
      <c r="F67" s="67" t="s">
        <v>247</v>
      </c>
      <c r="G67" s="89" t="s">
        <v>383</v>
      </c>
      <c r="H67" s="88" t="s">
        <v>4</v>
      </c>
      <c r="I67" s="87"/>
      <c r="J67" s="90" t="s">
        <v>4</v>
      </c>
      <c r="K67" s="45">
        <v>13000</v>
      </c>
      <c r="L67" s="45">
        <v>17000</v>
      </c>
      <c r="M67" s="45">
        <v>25000</v>
      </c>
      <c r="N67" s="46" t="s">
        <v>1</v>
      </c>
      <c r="O67" s="64">
        <v>2500</v>
      </c>
      <c r="P67" s="38">
        <v>1700</v>
      </c>
      <c r="Q67" s="196" t="s">
        <v>1</v>
      </c>
      <c r="R67" s="40">
        <v>3300</v>
      </c>
      <c r="S67" s="47">
        <v>5500</v>
      </c>
      <c r="T67" s="48">
        <v>5500</v>
      </c>
      <c r="U67" s="263" t="s">
        <v>332</v>
      </c>
      <c r="V67" s="177">
        <v>22500</v>
      </c>
      <c r="W67" s="194">
        <v>6000</v>
      </c>
      <c r="X67" s="171" t="s">
        <v>1</v>
      </c>
    </row>
    <row r="68" spans="1:24" ht="60" customHeight="1" thickBot="1" x14ac:dyDescent="0.25">
      <c r="A68" s="303"/>
      <c r="B68" s="197" t="s">
        <v>182</v>
      </c>
      <c r="C68" s="198" t="s">
        <v>300</v>
      </c>
      <c r="D68" s="199" t="s">
        <v>14</v>
      </c>
      <c r="E68" s="200" t="s">
        <v>89</v>
      </c>
      <c r="F68" s="201" t="s">
        <v>134</v>
      </c>
      <c r="G68" s="292" t="s">
        <v>366</v>
      </c>
      <c r="H68" s="293" t="s">
        <v>4</v>
      </c>
      <c r="I68" s="294"/>
      <c r="J68" s="295" t="s">
        <v>4</v>
      </c>
      <c r="K68" s="31">
        <v>8970</v>
      </c>
      <c r="L68" s="31">
        <v>12970</v>
      </c>
      <c r="M68" s="31">
        <v>20970</v>
      </c>
      <c r="N68" s="32" t="s">
        <v>1</v>
      </c>
      <c r="O68" s="66">
        <v>930</v>
      </c>
      <c r="P68" s="60">
        <v>2800</v>
      </c>
      <c r="Q68" s="52" t="s">
        <v>1</v>
      </c>
      <c r="R68" s="55">
        <v>2200</v>
      </c>
      <c r="S68" s="33">
        <v>5500</v>
      </c>
      <c r="T68" s="34" t="s">
        <v>1</v>
      </c>
      <c r="U68" s="296" t="s">
        <v>336</v>
      </c>
      <c r="V68" s="202">
        <v>2690</v>
      </c>
      <c r="W68" s="55">
        <v>2440</v>
      </c>
      <c r="X68" s="203" t="s">
        <v>1</v>
      </c>
    </row>
    <row r="73" spans="1:24" ht="16.2" customHeight="1" x14ac:dyDescent="0.2"/>
    <row r="74" spans="1:24" ht="16.2" customHeight="1" x14ac:dyDescent="0.2"/>
  </sheetData>
  <sheetProtection autoFilter="0"/>
  <autoFilter ref="A8:X68" xr:uid="{00000000-0001-0000-0600-000000000000}">
    <filterColumn colId="0" showButton="0"/>
    <filterColumn colId="5" showButton="0"/>
    <filterColumn colId="6" showButton="0"/>
    <filterColumn colId="8" showButton="0"/>
  </autoFilter>
  <mergeCells count="37">
    <mergeCell ref="X2:X8"/>
    <mergeCell ref="S5:S8"/>
    <mergeCell ref="A1:K1"/>
    <mergeCell ref="A2:B8"/>
    <mergeCell ref="D2:D8"/>
    <mergeCell ref="E2:E8"/>
    <mergeCell ref="W5:W8"/>
    <mergeCell ref="P6:P8"/>
    <mergeCell ref="Q6:Q8"/>
    <mergeCell ref="S2:T4"/>
    <mergeCell ref="V2:W4"/>
    <mergeCell ref="T5:T8"/>
    <mergeCell ref="V5:V8"/>
    <mergeCell ref="U2:U8"/>
    <mergeCell ref="M5:M8"/>
    <mergeCell ref="O5:O8"/>
    <mergeCell ref="R5:R8"/>
    <mergeCell ref="C2:C8"/>
    <mergeCell ref="O2:R4"/>
    <mergeCell ref="K5:K8"/>
    <mergeCell ref="L5:L8"/>
    <mergeCell ref="P5:Q5"/>
    <mergeCell ref="N5:N8"/>
    <mergeCell ref="K2:N4"/>
    <mergeCell ref="A60:A61"/>
    <mergeCell ref="A62:A68"/>
    <mergeCell ref="F2:J4"/>
    <mergeCell ref="F5:H8"/>
    <mergeCell ref="I5:J8"/>
    <mergeCell ref="A32:A35"/>
    <mergeCell ref="A37:A42"/>
    <mergeCell ref="A54:A55"/>
    <mergeCell ref="A56:A58"/>
    <mergeCell ref="A9:A26"/>
    <mergeCell ref="A27:A31"/>
    <mergeCell ref="A43:A49"/>
    <mergeCell ref="A50:A53"/>
  </mergeCells>
  <phoneticPr fontId="4"/>
  <printOptions horizontalCentered="1"/>
  <pageMargins left="0.27559055118110237" right="0.15748031496062992" top="0.39370078740157483" bottom="0.35433070866141736" header="0.15748031496062992" footer="3.937007874015748E-2"/>
  <pageSetup paperSize="8" scale="39" orientation="landscape" r:id="rId1"/>
  <headerFooter alignWithMargins="0"/>
  <rowBreaks count="1" manualBreakCount="1">
    <brk id="49" max="23" man="1"/>
  </rowBreaks>
  <colBreaks count="1" manualBreakCount="1">
    <brk id="24" max="66"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ＨＰ用一覧表 </vt:lpstr>
      <vt:lpstr>'ＨＰ用一覧表 '!Print_Area</vt:lpstr>
      <vt:lpstr>'ＨＰ用一覧表 '!Print_Titles</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2-16T00:40:25Z</cp:lastPrinted>
  <dcterms:created xsi:type="dcterms:W3CDTF">2008-06-11T05:55:00Z</dcterms:created>
  <dcterms:modified xsi:type="dcterms:W3CDTF">2026-03-16T02:02:13Z</dcterms:modified>
</cp:coreProperties>
</file>